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5_11\11_公表用ファイル\"/>
    </mc:Choice>
  </mc:AlternateContent>
  <xr:revisionPtr revIDLastSave="0" documentId="13_ncr:1_{02F7C4E8-AFDA-4FEA-ADAC-493D96A030E7}" xr6:coauthVersionLast="47" xr6:coauthVersionMax="47" xr10:uidLastSave="{00000000-0000-0000-0000-000000000000}"/>
  <bookViews>
    <workbookView xWindow="28680" yWindow="-120" windowWidth="29040" windowHeight="15720" xr2:uid="{00000000-000D-0000-FFFF-FFFF00000000}"/>
  </bookViews>
  <sheets>
    <sheet name="ファイル簿索引簿" sheetId="1" r:id="rId1"/>
  </sheets>
  <definedNames>
    <definedName name="_xlnm._FilterDatabase" localSheetId="0" hidden="1">ファイル簿索引簿!$A$3:$J$449</definedName>
    <definedName name="_xlnm.Print_Area" localSheetId="0">ファイル簿索引簿!$A$1:$J$449</definedName>
    <definedName name="_xlnm.Print_Titles" localSheetId="0">ファイル簿索引簿!$1:$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470" uniqueCount="1435">
  <si>
    <t>登録番号</t>
    <rPh sb="0" eb="2">
      <t>トウロク</t>
    </rPh>
    <rPh sb="2" eb="4">
      <t>バンゴウ</t>
    </rPh>
    <phoneticPr fontId="3"/>
  </si>
  <si>
    <t>個人情報ファイルの名称</t>
    <rPh sb="0" eb="2">
      <t>コジン</t>
    </rPh>
    <rPh sb="2" eb="4">
      <t>ジョウホウ</t>
    </rPh>
    <rPh sb="9" eb="11">
      <t>メイショウ</t>
    </rPh>
    <phoneticPr fontId="5"/>
  </si>
  <si>
    <t>連番</t>
    <rPh sb="0" eb="2">
      <t>レンバン</t>
    </rPh>
    <phoneticPr fontId="3"/>
  </si>
  <si>
    <t>A</t>
  </si>
  <si>
    <t>-</t>
  </si>
  <si>
    <t>0103</t>
  </si>
  <si>
    <t>100101</t>
  </si>
  <si>
    <t>神奈川県知事</t>
  </si>
  <si>
    <t>政策局</t>
  </si>
  <si>
    <t>1100</t>
  </si>
  <si>
    <t>001702</t>
  </si>
  <si>
    <t>1102</t>
  </si>
  <si>
    <t>000501</t>
  </si>
  <si>
    <t>0305</t>
  </si>
  <si>
    <t>230103</t>
  </si>
  <si>
    <t>230102</t>
  </si>
  <si>
    <t>0207</t>
  </si>
  <si>
    <t>000101</t>
  </si>
  <si>
    <t>9101</t>
  </si>
  <si>
    <t>000001</t>
  </si>
  <si>
    <t>100201</t>
  </si>
  <si>
    <t>100301</t>
  </si>
  <si>
    <t>100401</t>
  </si>
  <si>
    <t>0107</t>
  </si>
  <si>
    <t>100501</t>
  </si>
  <si>
    <t>総務局デジタル戦略本部室</t>
  </si>
  <si>
    <t>0805</t>
  </si>
  <si>
    <t>000002</t>
  </si>
  <si>
    <t>100601</t>
  </si>
  <si>
    <t>0802</t>
  </si>
  <si>
    <t>000201</t>
  </si>
  <si>
    <t>0801</t>
  </si>
  <si>
    <t>000401</t>
  </si>
  <si>
    <t>4721</t>
  </si>
  <si>
    <t>藤沢支援学校</t>
  </si>
  <si>
    <t>0125</t>
  </si>
  <si>
    <t>101801</t>
  </si>
  <si>
    <t>0501</t>
  </si>
  <si>
    <t>101601</t>
  </si>
  <si>
    <t>0502</t>
  </si>
  <si>
    <t>002705</t>
  </si>
  <si>
    <t>0509</t>
  </si>
  <si>
    <t>101401</t>
  </si>
  <si>
    <t>0515</t>
  </si>
  <si>
    <t>000301</t>
  </si>
  <si>
    <t>103501</t>
  </si>
  <si>
    <t>4717</t>
  </si>
  <si>
    <t>相模原支援学校</t>
  </si>
  <si>
    <t>0520</t>
  </si>
  <si>
    <t>0521</t>
  </si>
  <si>
    <t>103101</t>
  </si>
  <si>
    <t>0601</t>
  </si>
  <si>
    <t>102601</t>
  </si>
  <si>
    <t>産業労働局中小企業部中小企業支援課</t>
  </si>
  <si>
    <t>102801</t>
  </si>
  <si>
    <t>103301</t>
  </si>
  <si>
    <t>103401</t>
  </si>
  <si>
    <t>103701</t>
  </si>
  <si>
    <t>103702</t>
  </si>
  <si>
    <t>103801</t>
  </si>
  <si>
    <t>103901</t>
  </si>
  <si>
    <t>104001</t>
  </si>
  <si>
    <t>104101</t>
  </si>
  <si>
    <t>104201</t>
  </si>
  <si>
    <t>104701</t>
  </si>
  <si>
    <t>104702</t>
  </si>
  <si>
    <t>0606</t>
  </si>
  <si>
    <t>101701</t>
  </si>
  <si>
    <t>101901</t>
  </si>
  <si>
    <t>0701</t>
  </si>
  <si>
    <t>県土整備局</t>
  </si>
  <si>
    <t>0707</t>
  </si>
  <si>
    <t>県土整備局事業管理部建設業課</t>
  </si>
  <si>
    <t>1395</t>
  </si>
  <si>
    <t>100302</t>
  </si>
  <si>
    <t>福祉子どもみらい局</t>
  </si>
  <si>
    <t>福祉子どもみらい局子どもみらい部子ども家庭課</t>
  </si>
  <si>
    <t>100701</t>
  </si>
  <si>
    <t>101201</t>
  </si>
  <si>
    <t>104601</t>
  </si>
  <si>
    <t>1512</t>
  </si>
  <si>
    <t>000102</t>
  </si>
  <si>
    <t>1397</t>
  </si>
  <si>
    <t>000602</t>
  </si>
  <si>
    <t>4712</t>
  </si>
  <si>
    <t>平塚支援学校</t>
  </si>
  <si>
    <t>4599</t>
  </si>
  <si>
    <t>厚木清南高等学校</t>
  </si>
  <si>
    <t>1575</t>
  </si>
  <si>
    <t>000003</t>
  </si>
  <si>
    <t>000004</t>
  </si>
  <si>
    <t>000005</t>
  </si>
  <si>
    <t>000006</t>
  </si>
  <si>
    <t>000007</t>
  </si>
  <si>
    <t>000008</t>
  </si>
  <si>
    <t>000009</t>
  </si>
  <si>
    <t>000010</t>
  </si>
  <si>
    <t>000011</t>
  </si>
  <si>
    <t>000012</t>
  </si>
  <si>
    <t>4598</t>
  </si>
  <si>
    <t>神奈川総合産業高等学校</t>
  </si>
  <si>
    <t>1505</t>
  </si>
  <si>
    <t>健康医療局生活衛生部薬務課、各保健福祉事務所</t>
  </si>
  <si>
    <t>1504</t>
  </si>
  <si>
    <t>990001</t>
  </si>
  <si>
    <t>990002</t>
  </si>
  <si>
    <t>990003</t>
  </si>
  <si>
    <t>990004</t>
  </si>
  <si>
    <t>990005</t>
  </si>
  <si>
    <t>990006</t>
  </si>
  <si>
    <t>4594</t>
  </si>
  <si>
    <t>金沢総合高等学校</t>
  </si>
  <si>
    <t>1467</t>
  </si>
  <si>
    <t>4588</t>
  </si>
  <si>
    <t>秦野曽屋高等学校</t>
  </si>
  <si>
    <t>0605</t>
  </si>
  <si>
    <t>4585</t>
  </si>
  <si>
    <t>城郷高等学校</t>
  </si>
  <si>
    <t>1469</t>
  </si>
  <si>
    <t>4573</t>
  </si>
  <si>
    <t>元石川高等学校</t>
  </si>
  <si>
    <t>4564</t>
  </si>
  <si>
    <t>大船高等学校</t>
  </si>
  <si>
    <t>1465</t>
  </si>
  <si>
    <t>0603</t>
  </si>
  <si>
    <t>002601</t>
  </si>
  <si>
    <t>4562</t>
  </si>
  <si>
    <t>菅高等学校</t>
  </si>
  <si>
    <t>0705</t>
  </si>
  <si>
    <t>4549</t>
  </si>
  <si>
    <t>茅ケ崎西浜高等学校</t>
  </si>
  <si>
    <t>1169</t>
  </si>
  <si>
    <t>1321</t>
  </si>
  <si>
    <t>102001</t>
  </si>
  <si>
    <t>1822</t>
  </si>
  <si>
    <t>202302</t>
  </si>
  <si>
    <t>202303</t>
  </si>
  <si>
    <t>202304</t>
  </si>
  <si>
    <t>202307</t>
  </si>
  <si>
    <t>4541</t>
  </si>
  <si>
    <t>平塚農商高等学校</t>
  </si>
  <si>
    <t>4536</t>
  </si>
  <si>
    <t>保土ケ谷高等学校</t>
  </si>
  <si>
    <t>0115</t>
  </si>
  <si>
    <t>4534</t>
  </si>
  <si>
    <t>荏田高等学校</t>
  </si>
  <si>
    <t>0102</t>
  </si>
  <si>
    <t>4527</t>
  </si>
  <si>
    <t>横浜氷取沢高等学校</t>
  </si>
  <si>
    <t>102002</t>
  </si>
  <si>
    <t>102003</t>
  </si>
  <si>
    <t>4524</t>
  </si>
  <si>
    <t>綾瀬高等学校</t>
  </si>
  <si>
    <t>1103</t>
  </si>
  <si>
    <t>000103</t>
  </si>
  <si>
    <t>0313</t>
  </si>
  <si>
    <t>002201</t>
  </si>
  <si>
    <t>002202</t>
  </si>
  <si>
    <t>002204</t>
  </si>
  <si>
    <t>002206</t>
  </si>
  <si>
    <t>002208</t>
  </si>
  <si>
    <t>4521</t>
  </si>
  <si>
    <t>足柄高等学校</t>
  </si>
  <si>
    <t>0215</t>
  </si>
  <si>
    <t>4518</t>
  </si>
  <si>
    <t>生田東高等学校</t>
  </si>
  <si>
    <t>0618</t>
  </si>
  <si>
    <t>0323</t>
  </si>
  <si>
    <t>000000</t>
  </si>
  <si>
    <t>4515</t>
  </si>
  <si>
    <t>吉田島高等学校</t>
  </si>
  <si>
    <t>4511</t>
  </si>
  <si>
    <t>上溝南高等学校</t>
  </si>
  <si>
    <t>0504</t>
  </si>
  <si>
    <t>005601</t>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si>
  <si>
    <t>005501</t>
  </si>
  <si>
    <t>環境農政局環境部資源循環推進課</t>
  </si>
  <si>
    <t>005701</t>
  </si>
  <si>
    <t>005401</t>
  </si>
  <si>
    <t>0505</t>
  </si>
  <si>
    <t>000021</t>
  </si>
  <si>
    <t>0050</t>
  </si>
  <si>
    <t>000406</t>
  </si>
  <si>
    <t>000603</t>
  </si>
  <si>
    <t>4508</t>
  </si>
  <si>
    <t>小田原東高等学校</t>
  </si>
  <si>
    <t>1359</t>
  </si>
  <si>
    <t>1305</t>
  </si>
  <si>
    <t>100001</t>
  </si>
  <si>
    <t>100002</t>
  </si>
  <si>
    <t>福祉子どもみらい局福祉部生活援護課、各保健福祉事務所</t>
  </si>
  <si>
    <t>100003</t>
  </si>
  <si>
    <t>100004</t>
  </si>
  <si>
    <t>100005</t>
  </si>
  <si>
    <t>4507</t>
  </si>
  <si>
    <t>舞岡高等学校</t>
  </si>
  <si>
    <t>1309</t>
  </si>
  <si>
    <t>1383</t>
  </si>
  <si>
    <t>003103</t>
  </si>
  <si>
    <t>003102</t>
  </si>
  <si>
    <t>1569</t>
  </si>
  <si>
    <t>010001</t>
  </si>
  <si>
    <t>1507</t>
  </si>
  <si>
    <t>010002</t>
  </si>
  <si>
    <t>010003</t>
  </si>
  <si>
    <t>010004</t>
  </si>
  <si>
    <t>010005</t>
  </si>
  <si>
    <t>010006</t>
  </si>
  <si>
    <t>010007</t>
  </si>
  <si>
    <t>010008</t>
  </si>
  <si>
    <t>010009</t>
  </si>
  <si>
    <t>010010</t>
  </si>
  <si>
    <t>1533</t>
  </si>
  <si>
    <t>4506</t>
  </si>
  <si>
    <t>白山高等学校</t>
  </si>
  <si>
    <t>1582</t>
  </si>
  <si>
    <t>4505</t>
  </si>
  <si>
    <t>横浜緑園高等学校</t>
  </si>
  <si>
    <t>1590</t>
  </si>
  <si>
    <t>1532</t>
  </si>
  <si>
    <t>4503</t>
  </si>
  <si>
    <t>鶴嶺高等学校</t>
  </si>
  <si>
    <t>1587</t>
  </si>
  <si>
    <t>104801</t>
  </si>
  <si>
    <t>104802</t>
  </si>
  <si>
    <t>104803</t>
  </si>
  <si>
    <t>102901</t>
  </si>
  <si>
    <t>107501</t>
  </si>
  <si>
    <t>106901</t>
  </si>
  <si>
    <t>101501</t>
  </si>
  <si>
    <t>1333</t>
  </si>
  <si>
    <t>101101</t>
  </si>
  <si>
    <t>101102</t>
  </si>
  <si>
    <t>1369</t>
  </si>
  <si>
    <t>4502</t>
  </si>
  <si>
    <t>百合丘高等学校</t>
  </si>
  <si>
    <t>1460</t>
  </si>
  <si>
    <t>0607</t>
  </si>
  <si>
    <t>004701</t>
  </si>
  <si>
    <t>産業労働局労働部雇用労政課</t>
  </si>
  <si>
    <t>004801</t>
  </si>
  <si>
    <t>004901</t>
  </si>
  <si>
    <t>005001</t>
  </si>
  <si>
    <t>051001</t>
  </si>
  <si>
    <t>005201</t>
  </si>
  <si>
    <t>103001</t>
  </si>
  <si>
    <t>0721</t>
  </si>
  <si>
    <t>003601</t>
  </si>
  <si>
    <t>4498</t>
  </si>
  <si>
    <t>麻溝台高等学校</t>
  </si>
  <si>
    <t>1919</t>
  </si>
  <si>
    <t>000100</t>
  </si>
  <si>
    <t>2103</t>
  </si>
  <si>
    <t>4489</t>
  </si>
  <si>
    <t>座間総合高等学校</t>
  </si>
  <si>
    <t>4486</t>
  </si>
  <si>
    <t>座間高等学校</t>
  </si>
  <si>
    <t>104501</t>
  </si>
  <si>
    <t>健康医療局保健医療部がん・疾病対策課</t>
  </si>
  <si>
    <t>3153</t>
  </si>
  <si>
    <t>001002</t>
  </si>
  <si>
    <t>001003</t>
  </si>
  <si>
    <t>001004</t>
  </si>
  <si>
    <t>001005</t>
  </si>
  <si>
    <t>001006</t>
  </si>
  <si>
    <t>001007</t>
  </si>
  <si>
    <t>4480</t>
  </si>
  <si>
    <t>光陵高等学校</t>
  </si>
  <si>
    <t>4476</t>
  </si>
  <si>
    <t>柏陽高等学校</t>
  </si>
  <si>
    <t>4475</t>
  </si>
  <si>
    <t>中央農業高等学校</t>
  </si>
  <si>
    <t>4468</t>
  </si>
  <si>
    <t>二俣川看護福祉高等学校</t>
  </si>
  <si>
    <t>4466</t>
  </si>
  <si>
    <t>茅ケ崎北陵高等学校</t>
  </si>
  <si>
    <t>4460</t>
  </si>
  <si>
    <t>伊勢原高等学校</t>
  </si>
  <si>
    <t>4448</t>
  </si>
  <si>
    <t>相原高等学校</t>
  </si>
  <si>
    <t>4445</t>
  </si>
  <si>
    <t>小田原城北工業高等学校</t>
  </si>
  <si>
    <t>4441</t>
  </si>
  <si>
    <t>横浜桜陽高等学校</t>
  </si>
  <si>
    <t>4439</t>
  </si>
  <si>
    <t>小田原高等学校</t>
  </si>
  <si>
    <t>4437</t>
  </si>
  <si>
    <t>湘南高等学校</t>
  </si>
  <si>
    <t>4420</t>
  </si>
  <si>
    <t>川和高等学校</t>
  </si>
  <si>
    <t>4418</t>
  </si>
  <si>
    <t>希望ケ丘高等学校</t>
  </si>
  <si>
    <t>4416</t>
  </si>
  <si>
    <t>横浜立野高等学校</t>
  </si>
  <si>
    <t>4412</t>
  </si>
  <si>
    <t>横浜南陵高等学校</t>
  </si>
  <si>
    <t>4411</t>
  </si>
  <si>
    <t>神奈川工業高等学校</t>
  </si>
  <si>
    <t>4330</t>
  </si>
  <si>
    <t>総合教育センター</t>
  </si>
  <si>
    <t>4029</t>
  </si>
  <si>
    <t>4310</t>
  </si>
  <si>
    <t>4025</t>
  </si>
  <si>
    <t>教育局指導部高校教育課、県立高等学校、県立中等教育学校</t>
  </si>
  <si>
    <t>4008</t>
  </si>
  <si>
    <t>0702</t>
  </si>
  <si>
    <t>4000</t>
  </si>
  <si>
    <t>3151</t>
  </si>
  <si>
    <t>2101</t>
  </si>
  <si>
    <t>1714</t>
  </si>
  <si>
    <t>1591</t>
  </si>
  <si>
    <t>1578</t>
  </si>
  <si>
    <t>1520</t>
  </si>
  <si>
    <t>1519</t>
  </si>
  <si>
    <t>1517</t>
  </si>
  <si>
    <t>1511</t>
  </si>
  <si>
    <t>1468</t>
  </si>
  <si>
    <t>1104</t>
  </si>
  <si>
    <t>0716</t>
  </si>
  <si>
    <t>0706</t>
  </si>
  <si>
    <t>0517</t>
  </si>
  <si>
    <t>4028</t>
  </si>
  <si>
    <t>100102</t>
  </si>
  <si>
    <t>0510</t>
  </si>
  <si>
    <t>0223</t>
  </si>
  <si>
    <t>1386</t>
  </si>
  <si>
    <t>福祉子どもみらい局子どもみらい部次世代育成課</t>
  </si>
  <si>
    <t>102401</t>
  </si>
  <si>
    <t>103002</t>
  </si>
  <si>
    <t>1594</t>
  </si>
  <si>
    <t>101001</t>
  </si>
  <si>
    <t>9702</t>
  </si>
  <si>
    <t>神奈川県警察本部長</t>
  </si>
  <si>
    <t>警察本部長</t>
  </si>
  <si>
    <t>9802</t>
  </si>
  <si>
    <t>9811</t>
  </si>
  <si>
    <t>102301</t>
  </si>
  <si>
    <t>9826</t>
  </si>
  <si>
    <t>9831</t>
  </si>
  <si>
    <t>102201</t>
  </si>
  <si>
    <t>9832</t>
  </si>
  <si>
    <t>0217</t>
  </si>
  <si>
    <t>001901</t>
  </si>
  <si>
    <t>9843</t>
  </si>
  <si>
    <t>9861</t>
  </si>
  <si>
    <t>100801</t>
  </si>
  <si>
    <t>9868</t>
  </si>
  <si>
    <t>9870</t>
  </si>
  <si>
    <t>002702</t>
  </si>
  <si>
    <t>006401</t>
  </si>
  <si>
    <t>007801</t>
  </si>
  <si>
    <t>1393</t>
  </si>
  <si>
    <t>100006</t>
  </si>
  <si>
    <t>100007</t>
  </si>
  <si>
    <t>100008</t>
  </si>
  <si>
    <t>100009</t>
  </si>
  <si>
    <t>100010</t>
  </si>
  <si>
    <t>0708</t>
  </si>
  <si>
    <t>003001</t>
  </si>
  <si>
    <t>0117</t>
  </si>
  <si>
    <t>各県税事務所、自動車税管理事務所</t>
  </si>
  <si>
    <t>個人情報ファイルが利用に供される
事務をつかさどる組織の名称</t>
    <phoneticPr fontId="3"/>
  </si>
  <si>
    <t>行政機関等の名称</t>
    <phoneticPr fontId="3"/>
  </si>
  <si>
    <t>局名</t>
    <phoneticPr fontId="3"/>
  </si>
  <si>
    <t>施設予約システム利用者情報ファイル</t>
  </si>
  <si>
    <t>電子申請システム利用者情報ファイル</t>
  </si>
  <si>
    <t>卒業生台帳</t>
  </si>
  <si>
    <t xml:space="preserve">建築物温暖化対策計画書台帳 </t>
  </si>
  <si>
    <t>神奈川県生活環境の保全等に関する条例に基づく申請・届出者ファイル</t>
  </si>
  <si>
    <t>フロン排出抑制法に基づく第一種フロン類充てん回収業者登録簿</t>
  </si>
  <si>
    <t>農業機械士名簿</t>
  </si>
  <si>
    <t>キャッシュレス・消費喚起事業キャンペーン利用者情報</t>
  </si>
  <si>
    <t>神奈川県中小企業等支援給付金申請者情報</t>
  </si>
  <si>
    <t>神奈川県新型コロナウイルス感染症拡大防止大規模施設等協力金申請者情報</t>
  </si>
  <si>
    <t>キャッシュレス・消費喚起事業（第２弾）キャンペーン参加店舗情報</t>
  </si>
  <si>
    <t>特別児童扶養手当認定申請者、受給者及び対象児童ファイル</t>
  </si>
  <si>
    <t>児童扶養手当認定申請者、受給者及び対象児童ファイル</t>
  </si>
  <si>
    <t>製菓衛生師試験受験者台帳</t>
  </si>
  <si>
    <t>ふぐ包丁師試験受験者台帳</t>
  </si>
  <si>
    <t>食品衛生管理システム</t>
  </si>
  <si>
    <t>食中毒処理ファイル</t>
  </si>
  <si>
    <t>【特定不妊】申請者基本情報</t>
  </si>
  <si>
    <t>小児歯科相談医ファイル</t>
  </si>
  <si>
    <t>技能講習等受講者台帳</t>
  </si>
  <si>
    <t>生徒証発行台帳</t>
  </si>
  <si>
    <t>完成版 ～ 学籍索引簿ファイル</t>
  </si>
  <si>
    <t>かながわ旅割実施事業に係る利用者個人情報データ</t>
  </si>
  <si>
    <t>全国旅行支援「いざ、神奈川！」に係る利用者個人情報データ</t>
  </si>
  <si>
    <t>更生医療給付判定申請者ファイル</t>
  </si>
  <si>
    <t>原爆被爆者援護・医療給付システム</t>
  </si>
  <si>
    <t>衛生短期大学及び栄養短期大学の学籍簿等</t>
  </si>
  <si>
    <t>介護支援専門員登録対象者ファイル</t>
  </si>
  <si>
    <t>介護支援専門員研修受講者ファイル</t>
  </si>
  <si>
    <t>県営住宅総合管理システム</t>
  </si>
  <si>
    <t>給水装置工事管理システム</t>
  </si>
  <si>
    <t>統合型校務支援システム</t>
  </si>
  <si>
    <t>県立学校児童生徒コロナ罹患者累計</t>
  </si>
  <si>
    <t>授業料徴収システム</t>
  </si>
  <si>
    <t>獣医療法第３条に基づく届出の受理事務に係る飼育動物診療施設の届出事項一覧</t>
  </si>
  <si>
    <t>電子カルテシステム（HOPE／EGMAIN-GX）</t>
  </si>
  <si>
    <t>廃校となった訓練校等に在籍した者の指導記録簿検索データ</t>
  </si>
  <si>
    <t>巡回リハビリテーション事業ファイル</t>
  </si>
  <si>
    <t>神奈川県寄附金返礼品発注票</t>
  </si>
  <si>
    <t>貸金業者登録簿</t>
  </si>
  <si>
    <t>通信制高校運営情報総合システム</t>
  </si>
  <si>
    <t>Google workspace for Education</t>
  </si>
  <si>
    <t>重複障害認定ファイル</t>
  </si>
  <si>
    <t>奨学金貸付償還管理システム</t>
  </si>
  <si>
    <t>高等学校等就学支援金オンライン申請システム</t>
  </si>
  <si>
    <t>奨学給付金申請書受付簿</t>
  </si>
  <si>
    <t>広聴事務支援システム</t>
  </si>
  <si>
    <t>かながわ国際ファンクラブ会員及びサポート会員登録ファイル</t>
  </si>
  <si>
    <t>「マイME－BYOカルテ」</t>
  </si>
  <si>
    <t>入所者管理台帳</t>
  </si>
  <si>
    <t>認知症オレンジパートナーネットワーク登録者ファイル</t>
  </si>
  <si>
    <t>特別養護老人ホーム入所待機者ファイル</t>
  </si>
  <si>
    <t>介護職員処遇改善支援事業交付金申請台帳</t>
  </si>
  <si>
    <t>所属名</t>
    <rPh sb="0" eb="2">
      <t>ショゾク</t>
    </rPh>
    <rPh sb="2" eb="3">
      <t>メイ</t>
    </rPh>
    <phoneticPr fontId="3"/>
  </si>
  <si>
    <t>中小企業支援課</t>
  </si>
  <si>
    <t>東部総合職業技術校</t>
  </si>
  <si>
    <t>建設工事施工統計調査対象業者名簿</t>
  </si>
  <si>
    <t>1197</t>
  </si>
  <si>
    <t>000106</t>
  </si>
  <si>
    <t>政策法務課</t>
  </si>
  <si>
    <t>資源循環推進課</t>
  </si>
  <si>
    <t>次世代育成課</t>
  </si>
  <si>
    <t>通信指令課</t>
  </si>
  <si>
    <t>交通総務課</t>
  </si>
  <si>
    <t>高齢福祉課</t>
  </si>
  <si>
    <t>4542</t>
  </si>
  <si>
    <t>横浜瀬谷高等学校</t>
  </si>
  <si>
    <t>730501</t>
  </si>
  <si>
    <t>730502</t>
  </si>
  <si>
    <t>4003</t>
  </si>
  <si>
    <t>102702</t>
  </si>
  <si>
    <t>かながわ子育て応援パスポート利用登録事務</t>
  </si>
  <si>
    <t>105101</t>
  </si>
  <si>
    <t>4569</t>
  </si>
  <si>
    <t>4509</t>
  </si>
  <si>
    <t>七里ガ浜高等学校</t>
  </si>
  <si>
    <t>4533</t>
  </si>
  <si>
    <t>相模原弥栄高等学校</t>
  </si>
  <si>
    <t>4566</t>
  </si>
  <si>
    <t>4423</t>
  </si>
  <si>
    <t>非常勤講師の教授（実習）届出データ</t>
  </si>
  <si>
    <t>4557</t>
  </si>
  <si>
    <t>4461</t>
  </si>
  <si>
    <t>山北高等学校</t>
  </si>
  <si>
    <t>4591</t>
  </si>
  <si>
    <t>鶴見総合高等学校</t>
  </si>
  <si>
    <t>104901</t>
  </si>
  <si>
    <t>神奈川県中小企業・小規模企業感染症対策事業費補助金申請者情報</t>
  </si>
  <si>
    <t>105001</t>
  </si>
  <si>
    <t>脱炭素戦略本部室</t>
  </si>
  <si>
    <t>0214</t>
  </si>
  <si>
    <t>青少年課</t>
  </si>
  <si>
    <t>第28期青少年指導員名簿</t>
  </si>
  <si>
    <t>104704</t>
  </si>
  <si>
    <t>キャッシュレス・消費喚起事業（第３弾）キャンペーン参加店舗情報（法人代表者、申請担当者及び個人事業主）</t>
  </si>
  <si>
    <t>104703</t>
  </si>
  <si>
    <t>003101</t>
  </si>
  <si>
    <t>個人情報ファイル簿索引簿</t>
    <phoneticPr fontId="3"/>
  </si>
  <si>
    <t>所属ｺｰﾄﾞ
（登録当初）</t>
    <phoneticPr fontId="3"/>
  </si>
  <si>
    <t>0522</t>
  </si>
  <si>
    <t>第一種動物取扱業台帳</t>
  </si>
  <si>
    <t>オンライン譲渡前講習会の受講申請及び受講証交付台帳</t>
  </si>
  <si>
    <t>0718</t>
  </si>
  <si>
    <t>「地元かながわ再発見（かながわ県民割）」推進事業に係る利用者個人情報データ</t>
  </si>
  <si>
    <t>道路企画課</t>
  </si>
  <si>
    <t>県西土木事務所</t>
  </si>
  <si>
    <t>広域幹線道路の用地取得に係る被補償人、関係人ファイル</t>
  </si>
  <si>
    <t>広域幹線道路の用地取得に係る関係地権者ファイル</t>
  </si>
  <si>
    <t>被保護者等情報ファイル</t>
  </si>
  <si>
    <t>001101</t>
  </si>
  <si>
    <t>交通総務課､各警察署</t>
  </si>
  <si>
    <t>002704</t>
  </si>
  <si>
    <t>3204</t>
  </si>
  <si>
    <t>000901</t>
  </si>
  <si>
    <t>010011</t>
  </si>
  <si>
    <t>4543</t>
  </si>
  <si>
    <t>健康医療局保健医療部医療整備・人材課</t>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si>
  <si>
    <t>私学振興課</t>
  </si>
  <si>
    <t>福祉子どもみらい局子どもみらい部私学振興課</t>
  </si>
  <si>
    <t>0203</t>
  </si>
  <si>
    <t>001301</t>
  </si>
  <si>
    <t>003501</t>
  </si>
  <si>
    <t>011301</t>
  </si>
  <si>
    <t>000601</t>
  </si>
  <si>
    <t>000020</t>
  </si>
  <si>
    <t>3010</t>
  </si>
  <si>
    <t>3001</t>
  </si>
  <si>
    <t>004401</t>
  </si>
  <si>
    <t>4501</t>
  </si>
  <si>
    <t>福祉子どもみらい局福祉子どもみらい部次世代育成課</t>
  </si>
  <si>
    <t>保育等エキスパート研修者・修了者名簿管理事務</t>
  </si>
  <si>
    <t>かながわ脱炭素アクションフォーラムに関するアンケート回答者ファイル</t>
  </si>
  <si>
    <t>「ＭＥ-ＢＹＯ online」</t>
  </si>
  <si>
    <t>001001</t>
  </si>
  <si>
    <t>4563</t>
  </si>
  <si>
    <t>008004</t>
  </si>
  <si>
    <t>0604</t>
  </si>
  <si>
    <t>9862</t>
  </si>
  <si>
    <t>1577</t>
  </si>
  <si>
    <t>001201</t>
  </si>
  <si>
    <t>0523</t>
  </si>
  <si>
    <t>通信指令課､各警察署</t>
  </si>
  <si>
    <t>4428</t>
  </si>
  <si>
    <t>4452</t>
  </si>
  <si>
    <t>4493</t>
  </si>
  <si>
    <t>医療機関等情報支援システム</t>
  </si>
  <si>
    <t>基本研修受講者データ</t>
  </si>
  <si>
    <t>107601</t>
  </si>
  <si>
    <t>106101</t>
  </si>
  <si>
    <t>002711</t>
  </si>
  <si>
    <t>002801</t>
  </si>
  <si>
    <t>0511</t>
  </si>
  <si>
    <t>住民基本台帳ネットワークシステム及び附票連携システムに係る住基情報ファイル</t>
  </si>
  <si>
    <t>0051</t>
  </si>
  <si>
    <t>000701</t>
  </si>
  <si>
    <t>9803</t>
  </si>
  <si>
    <t>002301</t>
  </si>
  <si>
    <t>かながわ県民活動サポートセンター</t>
  </si>
  <si>
    <t>サポートセンター利用団体代表者及び連絡担当者名簿</t>
  </si>
  <si>
    <t>かながわコミュニティカレッジ受講生名簿</t>
  </si>
  <si>
    <t>施設課</t>
  </si>
  <si>
    <t>庁内管理ファイル</t>
  </si>
  <si>
    <t>ボランティアサロンの利用申込者名簿</t>
  </si>
  <si>
    <t>1336</t>
  </si>
  <si>
    <t>010012</t>
  </si>
  <si>
    <t>4434</t>
  </si>
  <si>
    <t>神奈川県知事</t>
    <rPh sb="4" eb="6">
      <t>チジ</t>
    </rPh>
    <phoneticPr fontId="0"/>
  </si>
  <si>
    <t>神奈川県人事委員会</t>
    <rPh sb="4" eb="6">
      <t>ジンジ</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0" eb="3">
      <t>カナガワ</t>
    </rPh>
    <rPh sb="3" eb="6">
      <t>ケン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教育委員会</t>
    <rPh sb="4" eb="6">
      <t>キョウイク</t>
    </rPh>
    <rPh sb="6" eb="9">
      <t>イインカイ</t>
    </rPh>
    <phoneticPr fontId="16"/>
  </si>
  <si>
    <t>神奈川県知事</t>
    <rPh sb="4" eb="6">
      <t>チジ</t>
    </rPh>
    <phoneticPr fontId="15"/>
  </si>
  <si>
    <t>神奈川県知事</t>
    <rPh sb="4" eb="6">
      <t>チジ</t>
    </rPh>
    <phoneticPr fontId="12"/>
  </si>
  <si>
    <t>神奈川県知事</t>
    <rPh sb="4" eb="6">
      <t>チジ</t>
    </rPh>
    <phoneticPr fontId="11"/>
  </si>
  <si>
    <t>神奈川県知事</t>
    <rPh sb="4" eb="6">
      <t>チジ</t>
    </rPh>
    <phoneticPr fontId="9"/>
  </si>
  <si>
    <t>神奈川県知事</t>
    <rPh sb="4" eb="6">
      <t>チジ</t>
    </rPh>
    <phoneticPr fontId="0"/>
  </si>
  <si>
    <t>神奈川県教育委員会</t>
    <rPh sb="4" eb="6">
      <t>キョウイク</t>
    </rPh>
    <rPh sb="6" eb="9">
      <t>イインカイ</t>
    </rPh>
    <phoneticPr fontId="0"/>
  </si>
  <si>
    <t>総務局</t>
    <rPh sb="0" eb="2">
      <t>ソウム</t>
    </rPh>
    <rPh sb="2" eb="3">
      <t>キョク</t>
    </rPh>
    <phoneticPr fontId="0"/>
  </si>
  <si>
    <t>くらし安全防災局</t>
    <rPh sb="3" eb="5">
      <t>アンゼン</t>
    </rPh>
    <rPh sb="5" eb="7">
      <t>ボウサイ</t>
    </rPh>
    <rPh sb="7" eb="8">
      <t>キョク</t>
    </rPh>
    <phoneticPr fontId="0"/>
  </si>
  <si>
    <t>人事委員会事務局</t>
    <rPh sb="0" eb="2">
      <t>ジンジ</t>
    </rPh>
    <rPh sb="2" eb="5">
      <t>イインカイ</t>
    </rPh>
    <rPh sb="5" eb="8">
      <t>ジムキョク</t>
    </rPh>
    <phoneticPr fontId="0"/>
  </si>
  <si>
    <t>政策局</t>
    <rPh sb="0" eb="2">
      <t>セイサク</t>
    </rPh>
    <rPh sb="2" eb="3">
      <t>キョク</t>
    </rPh>
    <phoneticPr fontId="0"/>
  </si>
  <si>
    <t>総務局</t>
    <rPh sb="0" eb="2">
      <t>ソウム</t>
    </rPh>
    <rPh sb="2" eb="3">
      <t>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教育局</t>
    <rPh sb="0" eb="3">
      <t>キョウイクキョク</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政策局</t>
    <rPh sb="0" eb="2">
      <t>セイサク</t>
    </rPh>
    <rPh sb="2" eb="3">
      <t>キョク</t>
    </rPh>
    <phoneticPr fontId="0"/>
  </si>
  <si>
    <t>産業技術総合研究所</t>
    <rPh sb="0" eb="2">
      <t>サンギョウ</t>
    </rPh>
    <rPh sb="2" eb="4">
      <t>ギジュツ</t>
    </rPh>
    <rPh sb="4" eb="6">
      <t>ソウゴウ</t>
    </rPh>
    <rPh sb="6" eb="9">
      <t>ケンキュウショ</t>
    </rPh>
    <phoneticPr fontId="0"/>
  </si>
  <si>
    <t>産業技術総合研究所</t>
    <rPh sb="0" eb="2">
      <t>サンギョウ</t>
    </rPh>
    <rPh sb="2" eb="4">
      <t>ギジュツ</t>
    </rPh>
    <rPh sb="4" eb="6">
      <t>ソウゴウ</t>
    </rPh>
    <rPh sb="6" eb="9">
      <t>ケンキュウショ</t>
    </rPh>
    <phoneticPr fontId="0"/>
  </si>
  <si>
    <t>教育局</t>
    <rPh sb="0" eb="3">
      <t>キョウイクキョク</t>
    </rPh>
    <phoneticPr fontId="0"/>
  </si>
  <si>
    <t>政策局</t>
    <rPh sb="0" eb="2">
      <t>セイサク</t>
    </rPh>
    <rPh sb="2" eb="3">
      <t>キョク</t>
    </rPh>
    <phoneticPr fontId="0"/>
  </si>
  <si>
    <t>政策局</t>
    <rPh sb="0" eb="2">
      <t>セイサク</t>
    </rPh>
    <rPh sb="2" eb="3">
      <t>キョク</t>
    </rPh>
    <phoneticPr fontId="0"/>
  </si>
  <si>
    <t>総務局</t>
    <rPh sb="0" eb="2">
      <t>ソウム</t>
    </rPh>
    <rPh sb="2" eb="3">
      <t>キョク</t>
    </rPh>
    <phoneticPr fontId="0"/>
  </si>
  <si>
    <t>くらし安全防災局</t>
    <rPh sb="3" eb="5">
      <t>アンゼン</t>
    </rPh>
    <rPh sb="5" eb="7">
      <t>ボウサイ</t>
    </rPh>
    <rPh sb="7" eb="8">
      <t>キョク</t>
    </rPh>
    <phoneticPr fontId="0"/>
  </si>
  <si>
    <t>文化スポーツ観光局</t>
    <rPh sb="0" eb="2">
      <t>ブンカ</t>
    </rPh>
    <rPh sb="6" eb="9">
      <t>カンコウキョク</t>
    </rPh>
    <phoneticPr fontId="0"/>
  </si>
  <si>
    <t>環境農政局</t>
    <rPh sb="0" eb="2">
      <t>カンキョウ</t>
    </rPh>
    <rPh sb="2" eb="5">
      <t>ノウセイキョク</t>
    </rPh>
    <phoneticPr fontId="0"/>
  </si>
  <si>
    <t>環境農政局</t>
    <rPh sb="0" eb="2">
      <t>カンキョウ</t>
    </rPh>
    <rPh sb="2" eb="5">
      <t>ノウセイ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会計局</t>
    <rPh sb="0" eb="2">
      <t>カイケイ</t>
    </rPh>
    <rPh sb="2" eb="3">
      <t>キョク</t>
    </rPh>
    <phoneticPr fontId="0"/>
  </si>
  <si>
    <t>企業局</t>
    <rPh sb="0" eb="2">
      <t>キギョウ</t>
    </rPh>
    <rPh sb="2" eb="3">
      <t>キョク</t>
    </rPh>
    <phoneticPr fontId="0"/>
  </si>
  <si>
    <t>県土整備局</t>
    <rPh sb="0" eb="2">
      <t>ケンド</t>
    </rPh>
    <rPh sb="2" eb="4">
      <t>セイビ</t>
    </rPh>
    <rPh sb="4" eb="5">
      <t>キョク</t>
    </rPh>
    <phoneticPr fontId="0"/>
  </si>
  <si>
    <t>教育局</t>
    <rPh sb="0" eb="3">
      <t>キョウイクキョク</t>
    </rPh>
    <phoneticPr fontId="0"/>
  </si>
  <si>
    <t>病院機構</t>
    <rPh sb="0" eb="2">
      <t>ビョウイン</t>
    </rPh>
    <rPh sb="2" eb="4">
      <t>キコウ</t>
    </rPh>
    <phoneticPr fontId="0"/>
  </si>
  <si>
    <t>病院機構</t>
    <rPh sb="0" eb="2">
      <t>ビョウイン</t>
    </rPh>
    <rPh sb="2" eb="4">
      <t>キコウ</t>
    </rPh>
    <phoneticPr fontId="0"/>
  </si>
  <si>
    <t>総務局</t>
    <rPh sb="0" eb="2">
      <t>ソウム</t>
    </rPh>
    <rPh sb="2" eb="3">
      <t>キョク</t>
    </rPh>
    <phoneticPr fontId="0"/>
  </si>
  <si>
    <t>教育局</t>
    <rPh sb="0" eb="3">
      <t>キョウイクキョク</t>
    </rPh>
    <phoneticPr fontId="0"/>
  </si>
  <si>
    <t>健康医療局</t>
    <rPh sb="0" eb="2">
      <t>ケンコウ</t>
    </rPh>
    <rPh sb="2" eb="4">
      <t>イリョウ</t>
    </rPh>
    <rPh sb="4" eb="5">
      <t>キョク</t>
    </rPh>
    <phoneticPr fontId="0"/>
  </si>
  <si>
    <t>警察本部長</t>
    <rPh sb="0" eb="2">
      <t>ケイサツ</t>
    </rPh>
    <rPh sb="2" eb="5">
      <t>ホンブチョウ</t>
    </rPh>
    <phoneticPr fontId="0"/>
  </si>
  <si>
    <t>警察本部長</t>
    <rPh sb="0" eb="2">
      <t>ケイサツ</t>
    </rPh>
    <rPh sb="2" eb="5">
      <t>ホンブチョウ</t>
    </rPh>
    <phoneticPr fontId="0"/>
  </si>
  <si>
    <t>警察本部長</t>
    <rPh sb="0" eb="2">
      <t>ケイサツ</t>
    </rPh>
    <rPh sb="2" eb="5">
      <t>ホンブチョウ</t>
    </rPh>
    <phoneticPr fontId="0"/>
  </si>
  <si>
    <t>政策局</t>
    <rPh sb="0" eb="2">
      <t>セイサク</t>
    </rPh>
    <rPh sb="2" eb="3">
      <t>キョク</t>
    </rPh>
    <phoneticPr fontId="0"/>
  </si>
  <si>
    <t>警察本部長</t>
    <rPh sb="0" eb="2">
      <t>ケイサツ</t>
    </rPh>
    <rPh sb="2" eb="5">
      <t>ホンブチョウ</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県土整備局</t>
    <rPh sb="0" eb="2">
      <t>ケンド</t>
    </rPh>
    <rPh sb="2" eb="4">
      <t>セイビ</t>
    </rPh>
    <rPh sb="4" eb="5">
      <t>キョク</t>
    </rPh>
    <phoneticPr fontId="0"/>
  </si>
  <si>
    <t>総務局</t>
    <rPh sb="0" eb="2">
      <t>ソウム</t>
    </rPh>
    <rPh sb="2" eb="3">
      <t>キョク</t>
    </rPh>
    <phoneticPr fontId="0"/>
  </si>
  <si>
    <t>福祉子どもみらい局</t>
    <rPh sb="0" eb="2">
      <t>フクシ</t>
    </rPh>
    <rPh sb="2" eb="3">
      <t>コ</t>
    </rPh>
    <rPh sb="8" eb="9">
      <t>キョク</t>
    </rPh>
    <phoneticPr fontId="0"/>
  </si>
  <si>
    <t>教育局</t>
    <rPh sb="0" eb="3">
      <t>キョウイクキョク</t>
    </rPh>
    <phoneticPr fontId="0"/>
  </si>
  <si>
    <t>環境農政局</t>
    <rPh sb="0" eb="2">
      <t>カンキョウ</t>
    </rPh>
    <rPh sb="2" eb="5">
      <t>ノウセイキョク</t>
    </rPh>
    <phoneticPr fontId="0"/>
  </si>
  <si>
    <t>健康医療局</t>
    <rPh sb="0" eb="2">
      <t>ケンコウ</t>
    </rPh>
    <rPh sb="2" eb="4">
      <t>イリョウ</t>
    </rPh>
    <rPh sb="4" eb="5">
      <t>キョク</t>
    </rPh>
    <phoneticPr fontId="0"/>
  </si>
  <si>
    <t>教育局</t>
    <rPh sb="0" eb="3">
      <t>キョウイクキョク</t>
    </rPh>
    <phoneticPr fontId="0"/>
  </si>
  <si>
    <t>病院機構</t>
    <rPh sb="0" eb="2">
      <t>ビョウイン</t>
    </rPh>
    <rPh sb="2" eb="4">
      <t>キコウ</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教育局</t>
    <rPh sb="0" eb="3">
      <t>キョウイク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健康医療局</t>
    <rPh sb="0" eb="2">
      <t>ケンコウ</t>
    </rPh>
    <rPh sb="2" eb="4">
      <t>イリョウ</t>
    </rPh>
    <rPh sb="4" eb="5">
      <t>キョク</t>
    </rPh>
    <phoneticPr fontId="0"/>
  </si>
  <si>
    <t>環境農政局</t>
    <rPh sb="0" eb="2">
      <t>カンキョウ</t>
    </rPh>
    <rPh sb="2" eb="5">
      <t>ノウセイ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企業局</t>
    <rPh sb="0" eb="2">
      <t>キギョウ</t>
    </rPh>
    <rPh sb="2" eb="3">
      <t>キョク</t>
    </rPh>
    <phoneticPr fontId="0"/>
  </si>
  <si>
    <t>健康医療局</t>
    <rPh sb="0" eb="2">
      <t>ケンコウ</t>
    </rPh>
    <rPh sb="2" eb="4">
      <t>イリョウ</t>
    </rPh>
    <rPh sb="4" eb="5">
      <t>キョク</t>
    </rPh>
    <phoneticPr fontId="0"/>
  </si>
  <si>
    <t>教育局</t>
    <rPh sb="0" eb="3">
      <t>キョウイクキョク</t>
    </rPh>
    <phoneticPr fontId="0"/>
  </si>
  <si>
    <t>福祉子どもみらい局</t>
    <rPh sb="0" eb="2">
      <t>フクシ</t>
    </rPh>
    <rPh sb="2" eb="3">
      <t>コ</t>
    </rPh>
    <rPh sb="8" eb="9">
      <t>キョク</t>
    </rPh>
    <phoneticPr fontId="0"/>
  </si>
  <si>
    <t>環境農政局</t>
    <rPh sb="0" eb="2">
      <t>カンキョウ</t>
    </rPh>
    <rPh sb="2" eb="5">
      <t>ノウセイキョク</t>
    </rPh>
    <phoneticPr fontId="0"/>
  </si>
  <si>
    <t>企業局</t>
    <rPh sb="0" eb="2">
      <t>キギョウ</t>
    </rPh>
    <rPh sb="2" eb="3">
      <t>キョク</t>
    </rPh>
    <phoneticPr fontId="0"/>
  </si>
  <si>
    <t>企業局</t>
    <rPh sb="0" eb="2">
      <t>キギョウ</t>
    </rPh>
    <rPh sb="2" eb="3">
      <t>キョク</t>
    </rPh>
    <phoneticPr fontId="0"/>
  </si>
  <si>
    <t>教育局</t>
    <rPh sb="0" eb="3">
      <t>キョウイクキョク</t>
    </rPh>
    <phoneticPr fontId="0"/>
  </si>
  <si>
    <t>総務局</t>
    <rPh sb="0" eb="2">
      <t>ソウム</t>
    </rPh>
    <rPh sb="2" eb="3">
      <t>キョク</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警察本部長</t>
    <rPh sb="0" eb="2">
      <t>ケイサツ</t>
    </rPh>
    <rPh sb="2" eb="5">
      <t>ホンブチョウ</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環境農政局</t>
    <rPh sb="0" eb="2">
      <t>カンキョウ</t>
    </rPh>
    <rPh sb="2" eb="5">
      <t>ノウセイキョク</t>
    </rPh>
    <phoneticPr fontId="0"/>
  </si>
  <si>
    <t>教育局</t>
    <rPh sb="0" eb="3">
      <t>キョウイクキョク</t>
    </rPh>
    <phoneticPr fontId="0"/>
  </si>
  <si>
    <t>教育局</t>
    <rPh sb="0" eb="3">
      <t>キョウイクキョク</t>
    </rPh>
    <phoneticPr fontId="14"/>
  </si>
  <si>
    <t>福祉子どもみらい局</t>
    <rPh sb="0" eb="2">
      <t>フクシ</t>
    </rPh>
    <rPh sb="2" eb="3">
      <t>コ</t>
    </rPh>
    <rPh sb="8" eb="9">
      <t>キョク</t>
    </rPh>
    <phoneticPr fontId="13"/>
  </si>
  <si>
    <t>産業労働局</t>
    <rPh sb="0" eb="2">
      <t>サンギョウ</t>
    </rPh>
    <rPh sb="2" eb="4">
      <t>ロウドウ</t>
    </rPh>
    <rPh sb="4" eb="5">
      <t>キョク</t>
    </rPh>
    <phoneticPr fontId="10"/>
  </si>
  <si>
    <t>福祉子どもみらい局</t>
    <rPh sb="0" eb="2">
      <t>フクシ</t>
    </rPh>
    <rPh sb="2" eb="3">
      <t>コ</t>
    </rPh>
    <rPh sb="8" eb="9">
      <t>キョク</t>
    </rPh>
    <phoneticPr fontId="8"/>
  </si>
  <si>
    <t>環境農政局</t>
    <rPh sb="0" eb="2">
      <t>カンキョウ</t>
    </rPh>
    <rPh sb="2" eb="5">
      <t>ノウセイキョク</t>
    </rPh>
    <phoneticPr fontId="7"/>
  </si>
  <si>
    <t>健康医療局</t>
    <rPh sb="0" eb="2">
      <t>ケンコウ</t>
    </rPh>
    <rPh sb="2" eb="4">
      <t>イリョウ</t>
    </rPh>
    <rPh sb="4" eb="5">
      <t>キョク</t>
    </rPh>
    <phoneticPr fontId="7"/>
  </si>
  <si>
    <t>健康医療局</t>
    <rPh sb="0" eb="2">
      <t>ケンコウ</t>
    </rPh>
    <rPh sb="2" eb="4">
      <t>イリョウ</t>
    </rPh>
    <rPh sb="4" eb="5">
      <t>キョク</t>
    </rPh>
    <phoneticPr fontId="0"/>
  </si>
  <si>
    <t>教育局</t>
    <rPh sb="0" eb="3">
      <t>キョウイクキョク</t>
    </rPh>
    <phoneticPr fontId="0"/>
  </si>
  <si>
    <t>総務室</t>
    <rPh sb="0" eb="2">
      <t>ソウム</t>
    </rPh>
    <rPh sb="2" eb="3">
      <t>シツ</t>
    </rPh>
    <phoneticPr fontId="0"/>
  </si>
  <si>
    <t>行政管理課</t>
    <rPh sb="0" eb="2">
      <t>ギョウセイ</t>
    </rPh>
    <rPh sb="2" eb="5">
      <t>カンリカ</t>
    </rPh>
    <phoneticPr fontId="0"/>
  </si>
  <si>
    <t>消費生活課</t>
    <rPh sb="0" eb="2">
      <t>ショウヒ</t>
    </rPh>
    <rPh sb="2" eb="4">
      <t>セイカツ</t>
    </rPh>
    <rPh sb="4" eb="5">
      <t>カ</t>
    </rPh>
    <phoneticPr fontId="0"/>
  </si>
  <si>
    <t>総務課</t>
    <rPh sb="0" eb="3">
      <t>ソウムカ</t>
    </rPh>
    <phoneticPr fontId="0"/>
  </si>
  <si>
    <t>市町村課</t>
    <rPh sb="0" eb="3">
      <t>シチョウソン</t>
    </rPh>
    <rPh sb="3" eb="4">
      <t>カ</t>
    </rPh>
    <phoneticPr fontId="0"/>
  </si>
  <si>
    <t>デジタル戦略本部室</t>
    <rPh sb="4" eb="6">
      <t>センリャク</t>
    </rPh>
    <rPh sb="6" eb="8">
      <t>ホンブ</t>
    </rPh>
    <rPh sb="8" eb="9">
      <t>シツ</t>
    </rPh>
    <phoneticPr fontId="0"/>
  </si>
  <si>
    <t>総務室</t>
    <rPh sb="0" eb="3">
      <t>ソウムシツ</t>
    </rPh>
    <phoneticPr fontId="0"/>
  </si>
  <si>
    <t>スポーツ課</t>
    <rPh sb="4" eb="5">
      <t>カ</t>
    </rPh>
    <phoneticPr fontId="0"/>
  </si>
  <si>
    <t>藤沢支援学校</t>
    <rPh sb="0" eb="2">
      <t>フジサワ</t>
    </rPh>
    <rPh sb="2" eb="4">
      <t>シエン</t>
    </rPh>
    <rPh sb="4" eb="6">
      <t>ガッコウ</t>
    </rPh>
    <phoneticPr fontId="0"/>
  </si>
  <si>
    <t>いのち・未来戦略本部室</t>
    <rPh sb="4" eb="6">
      <t>ミライ</t>
    </rPh>
    <rPh sb="6" eb="8">
      <t>センリャク</t>
    </rPh>
    <rPh sb="8" eb="10">
      <t>ホンブ</t>
    </rPh>
    <rPh sb="10" eb="11">
      <t>シツ</t>
    </rPh>
    <phoneticPr fontId="0"/>
  </si>
  <si>
    <t>農地課</t>
    <rPh sb="0" eb="3">
      <t>ノウチカ</t>
    </rPh>
    <phoneticPr fontId="0"/>
  </si>
  <si>
    <t>環境課</t>
    <rPh sb="0" eb="2">
      <t>カンキョウ</t>
    </rPh>
    <rPh sb="2" eb="3">
      <t>カ</t>
    </rPh>
    <phoneticPr fontId="0"/>
  </si>
  <si>
    <t>農地課</t>
    <rPh sb="0" eb="2">
      <t>ノウチ</t>
    </rPh>
    <rPh sb="2" eb="3">
      <t>カ</t>
    </rPh>
    <phoneticPr fontId="0"/>
  </si>
  <si>
    <t>相模原支援学校</t>
    <rPh sb="0" eb="3">
      <t>サガミハラ</t>
    </rPh>
    <rPh sb="3" eb="5">
      <t>シエン</t>
    </rPh>
    <rPh sb="5" eb="7">
      <t>ガッコウ</t>
    </rPh>
    <phoneticPr fontId="0"/>
  </si>
  <si>
    <t>農水産部農業振興課</t>
    <rPh sb="0" eb="1">
      <t>ノウ</t>
    </rPh>
    <rPh sb="1" eb="3">
      <t>スイサン</t>
    </rPh>
    <rPh sb="3" eb="4">
      <t>ブ</t>
    </rPh>
    <rPh sb="4" eb="6">
      <t>ノウギョウ</t>
    </rPh>
    <rPh sb="6" eb="9">
      <t>シンコウカ</t>
    </rPh>
    <phoneticPr fontId="0"/>
  </si>
  <si>
    <t>中小企業支援課</t>
    <rPh sb="0" eb="2">
      <t>チュウショウ</t>
    </rPh>
    <rPh sb="2" eb="4">
      <t>キギョウ</t>
    </rPh>
    <rPh sb="4" eb="6">
      <t>シエン</t>
    </rPh>
    <rPh sb="6" eb="7">
      <t>カ</t>
    </rPh>
    <phoneticPr fontId="0"/>
  </si>
  <si>
    <t>産業人材課</t>
    <rPh sb="0" eb="2">
      <t>サンギョウ</t>
    </rPh>
    <rPh sb="2" eb="4">
      <t>ジンザイ</t>
    </rPh>
    <rPh sb="4" eb="5">
      <t>カ</t>
    </rPh>
    <phoneticPr fontId="0"/>
  </si>
  <si>
    <t>産業人材課</t>
    <rPh sb="0" eb="5">
      <t>サンギョウジンザイカ</t>
    </rPh>
    <phoneticPr fontId="0"/>
  </si>
  <si>
    <t>県土整備経理課</t>
    <rPh sb="0" eb="2">
      <t>ケンド</t>
    </rPh>
    <rPh sb="2" eb="4">
      <t>セイビ</t>
    </rPh>
    <rPh sb="4" eb="7">
      <t>ケイリカ</t>
    </rPh>
    <phoneticPr fontId="0"/>
  </si>
  <si>
    <t>子ども家庭課</t>
    <rPh sb="0" eb="1">
      <t>コ</t>
    </rPh>
    <rPh sb="3" eb="5">
      <t>カテイ</t>
    </rPh>
    <rPh sb="5" eb="6">
      <t>カ</t>
    </rPh>
    <phoneticPr fontId="0"/>
  </si>
  <si>
    <t>子ども家庭課</t>
    <rPh sb="0" eb="1">
      <t>コ</t>
    </rPh>
    <rPh sb="3" eb="5">
      <t>カテイ</t>
    </rPh>
    <rPh sb="5" eb="6">
      <t>カ</t>
    </rPh>
    <phoneticPr fontId="0"/>
  </si>
  <si>
    <t>スポーツ課</t>
    <rPh sb="4" eb="5">
      <t>カ</t>
    </rPh>
    <phoneticPr fontId="0"/>
  </si>
  <si>
    <t>煤ケ谷診療所</t>
    <rPh sb="0" eb="6">
      <t>ス</t>
    </rPh>
    <phoneticPr fontId="0"/>
  </si>
  <si>
    <t>平塚支援学校</t>
    <rPh sb="0" eb="2">
      <t>ヒラツカ</t>
    </rPh>
    <rPh sb="2" eb="4">
      <t>シエン</t>
    </rPh>
    <rPh sb="4" eb="6">
      <t>ガッコウ</t>
    </rPh>
    <phoneticPr fontId="0"/>
  </si>
  <si>
    <t>厚木清南高等学校</t>
    <rPh sb="0" eb="2">
      <t>アツギ</t>
    </rPh>
    <rPh sb="2" eb="3">
      <t>セイ</t>
    </rPh>
    <rPh sb="3" eb="4">
      <t>ナン</t>
    </rPh>
    <rPh sb="4" eb="6">
      <t>コウトウ</t>
    </rPh>
    <rPh sb="6" eb="8">
      <t>ガッコウ</t>
    </rPh>
    <phoneticPr fontId="0"/>
  </si>
  <si>
    <t>生活衛生部生活衛生課</t>
    <rPh sb="0" eb="2">
      <t>セイカツ</t>
    </rPh>
    <rPh sb="2" eb="4">
      <t>エイセイ</t>
    </rPh>
    <rPh sb="4" eb="5">
      <t>ブ</t>
    </rPh>
    <rPh sb="5" eb="7">
      <t>セイカツ</t>
    </rPh>
    <rPh sb="7" eb="10">
      <t>エイセイカ</t>
    </rPh>
    <phoneticPr fontId="0"/>
  </si>
  <si>
    <t>生活衛生課</t>
    <rPh sb="0" eb="5">
      <t>セイカツエイセイカ</t>
    </rPh>
    <phoneticPr fontId="0"/>
  </si>
  <si>
    <t>生活衛生課</t>
    <rPh sb="0" eb="2">
      <t>セイカツ</t>
    </rPh>
    <rPh sb="2" eb="5">
      <t>エイセイカ</t>
    </rPh>
    <phoneticPr fontId="0"/>
  </si>
  <si>
    <t>神奈川総合産業高等学校</t>
    <rPh sb="0" eb="3">
      <t>カナガワ</t>
    </rPh>
    <rPh sb="3" eb="5">
      <t>ソウゴウ</t>
    </rPh>
    <rPh sb="5" eb="7">
      <t>サンギョウ</t>
    </rPh>
    <rPh sb="7" eb="9">
      <t>コウトウ</t>
    </rPh>
    <rPh sb="9" eb="11">
      <t>ガッコウ</t>
    </rPh>
    <phoneticPr fontId="0"/>
  </si>
  <si>
    <t>薬務課</t>
    <rPh sb="0" eb="3">
      <t>ヤクムカ</t>
    </rPh>
    <phoneticPr fontId="0"/>
  </si>
  <si>
    <t>健康増進課</t>
    <rPh sb="0" eb="2">
      <t>ケンコウ</t>
    </rPh>
    <rPh sb="2" eb="4">
      <t>ゾウシン</t>
    </rPh>
    <rPh sb="4" eb="5">
      <t>カ</t>
    </rPh>
    <phoneticPr fontId="0"/>
  </si>
  <si>
    <t>健康増進課</t>
    <rPh sb="0" eb="5">
      <t>ケンコウゾウシンカ</t>
    </rPh>
    <phoneticPr fontId="0"/>
  </si>
  <si>
    <t>健康増進課</t>
    <rPh sb="0" eb="2">
      <t>ケンコウ</t>
    </rPh>
    <rPh sb="2" eb="4">
      <t>ゾウシン</t>
    </rPh>
    <rPh sb="4" eb="5">
      <t>カ</t>
    </rPh>
    <phoneticPr fontId="0"/>
  </si>
  <si>
    <t>健康増進課</t>
    <rPh sb="0" eb="2">
      <t>ケンコウ</t>
    </rPh>
    <rPh sb="2" eb="4">
      <t>ゾウシン</t>
    </rPh>
    <rPh sb="4" eb="5">
      <t>カ</t>
    </rPh>
    <phoneticPr fontId="0"/>
  </si>
  <si>
    <t>金沢総合高等学校</t>
    <rPh sb="0" eb="8">
      <t>カ</t>
    </rPh>
    <phoneticPr fontId="0"/>
  </si>
  <si>
    <t>東部総合職業技術校</t>
    <rPh sb="0" eb="2">
      <t>トウブ</t>
    </rPh>
    <rPh sb="2" eb="4">
      <t>ソウゴウ</t>
    </rPh>
    <rPh sb="4" eb="6">
      <t>ショクギョウ</t>
    </rPh>
    <rPh sb="6" eb="8">
      <t>ギジュツ</t>
    </rPh>
    <rPh sb="8" eb="9">
      <t>コウ</t>
    </rPh>
    <phoneticPr fontId="0"/>
  </si>
  <si>
    <t>秦野曽屋高等学校</t>
    <rPh sb="0" eb="8">
      <t>ハダノソヤコウトウガッコウ</t>
    </rPh>
    <phoneticPr fontId="0"/>
  </si>
  <si>
    <t>城郷高等学校</t>
    <rPh sb="0" eb="6">
      <t>シロサトコウトウガッコウ</t>
    </rPh>
    <phoneticPr fontId="0"/>
  </si>
  <si>
    <t>西部総合職業技術校</t>
    <rPh sb="0" eb="2">
      <t>セイブ</t>
    </rPh>
    <rPh sb="2" eb="4">
      <t>ソウゴウ</t>
    </rPh>
    <rPh sb="4" eb="6">
      <t>ショクギョウ</t>
    </rPh>
    <rPh sb="6" eb="8">
      <t>ギジュツ</t>
    </rPh>
    <rPh sb="8" eb="9">
      <t>コウ</t>
    </rPh>
    <phoneticPr fontId="0"/>
  </si>
  <si>
    <t>元石川高等学校</t>
    <rPh sb="0" eb="1">
      <t>モト</t>
    </rPh>
    <rPh sb="1" eb="3">
      <t>イシカワ</t>
    </rPh>
    <rPh sb="3" eb="5">
      <t>コウトウ</t>
    </rPh>
    <rPh sb="5" eb="7">
      <t>ガッコウ</t>
    </rPh>
    <phoneticPr fontId="0"/>
  </si>
  <si>
    <t>産業技術短期大学校</t>
    <rPh sb="0" eb="9">
      <t>サンギョウギジュツタンキダイガッコウ</t>
    </rPh>
    <phoneticPr fontId="0"/>
  </si>
  <si>
    <t>商業流通課</t>
    <rPh sb="0" eb="5">
      <t>ショウギョウリュウツウカ</t>
    </rPh>
    <phoneticPr fontId="0"/>
  </si>
  <si>
    <t>菅高等学校</t>
    <rPh sb="0" eb="1">
      <t>スゲ</t>
    </rPh>
    <rPh sb="1" eb="3">
      <t>コウトウ</t>
    </rPh>
    <rPh sb="3" eb="5">
      <t>ガッコウ</t>
    </rPh>
    <phoneticPr fontId="0"/>
  </si>
  <si>
    <t>都市整備課</t>
    <rPh sb="0" eb="5">
      <t>トシセイビカ</t>
    </rPh>
    <phoneticPr fontId="0"/>
  </si>
  <si>
    <t>茅ケ崎西浜高等学校</t>
    <rPh sb="0" eb="9">
      <t>チガサキニシハマコウトウガッコウ</t>
    </rPh>
    <phoneticPr fontId="0"/>
  </si>
  <si>
    <t>建設業課</t>
    <rPh sb="0" eb="4">
      <t>ケンセツギョウカ</t>
    </rPh>
    <phoneticPr fontId="0"/>
  </si>
  <si>
    <t>統計センター</t>
    <rPh sb="0" eb="2">
      <t>トウケイ</t>
    </rPh>
    <phoneticPr fontId="0"/>
  </si>
  <si>
    <t>地域福祉課</t>
    <rPh sb="0" eb="5">
      <t>チイキフクシカ</t>
    </rPh>
    <phoneticPr fontId="0"/>
  </si>
  <si>
    <t>総務部総務課</t>
    <rPh sb="0" eb="3">
      <t>ソウムブ</t>
    </rPh>
    <rPh sb="3" eb="6">
      <t>ソウムカ</t>
    </rPh>
    <phoneticPr fontId="0"/>
  </si>
  <si>
    <t>総務部総務課</t>
    <rPh sb="0" eb="3">
      <t>ソウムブ</t>
    </rPh>
    <rPh sb="3" eb="6">
      <t>ソウムカ</t>
    </rPh>
    <phoneticPr fontId="0"/>
  </si>
  <si>
    <t>平塚農商高等学校</t>
    <rPh sb="0" eb="2">
      <t>ヒラツカ</t>
    </rPh>
    <rPh sb="2" eb="4">
      <t>ノウショウ</t>
    </rPh>
    <rPh sb="4" eb="6">
      <t>コウトウ</t>
    </rPh>
    <rPh sb="6" eb="8">
      <t>ガッコウ</t>
    </rPh>
    <phoneticPr fontId="0"/>
  </si>
  <si>
    <t>保土ケ谷高等学校</t>
    <rPh sb="0" eb="4">
      <t>ホドガヤ</t>
    </rPh>
    <rPh sb="4" eb="6">
      <t>コウトウ</t>
    </rPh>
    <rPh sb="6" eb="8">
      <t>ガッコウ</t>
    </rPh>
    <phoneticPr fontId="0"/>
  </si>
  <si>
    <t>政策法務課</t>
    <rPh sb="0" eb="2">
      <t>セイサク</t>
    </rPh>
    <rPh sb="2" eb="4">
      <t>ホウム</t>
    </rPh>
    <rPh sb="4" eb="5">
      <t>カ</t>
    </rPh>
    <phoneticPr fontId="0"/>
  </si>
  <si>
    <t>荏田高等学校</t>
    <rPh sb="0" eb="2">
      <t>エダ</t>
    </rPh>
    <rPh sb="2" eb="4">
      <t>コウトウ</t>
    </rPh>
    <rPh sb="4" eb="6">
      <t>ガッコウ</t>
    </rPh>
    <phoneticPr fontId="0"/>
  </si>
  <si>
    <t>総務室</t>
    <rPh sb="0" eb="2">
      <t>ソウム</t>
    </rPh>
    <rPh sb="2" eb="3">
      <t>シツ</t>
    </rPh>
    <phoneticPr fontId="0"/>
  </si>
  <si>
    <t>総合政策課</t>
    <rPh sb="0" eb="5">
      <t>ソウゴウセイサクカ</t>
    </rPh>
    <phoneticPr fontId="0"/>
  </si>
  <si>
    <t>横浜氷取沢高等学校</t>
    <rPh sb="0" eb="9">
      <t>ヨ</t>
    </rPh>
    <phoneticPr fontId="0"/>
  </si>
  <si>
    <t>綾瀬高等学校</t>
    <rPh sb="0" eb="6">
      <t>アヤセコウトウガッコウ</t>
    </rPh>
    <phoneticPr fontId="0"/>
  </si>
  <si>
    <t>財政課</t>
    <rPh sb="0" eb="3">
      <t>ザイセイカ</t>
    </rPh>
    <phoneticPr fontId="0"/>
  </si>
  <si>
    <t>消防保安課</t>
    <rPh sb="0" eb="2">
      <t>ショウボウ</t>
    </rPh>
    <rPh sb="2" eb="5">
      <t>ホアンカ</t>
    </rPh>
    <phoneticPr fontId="0"/>
  </si>
  <si>
    <t>足柄高等学校</t>
    <rPh sb="0" eb="2">
      <t>アシガラ</t>
    </rPh>
    <rPh sb="2" eb="4">
      <t>コウトウ</t>
    </rPh>
    <rPh sb="4" eb="6">
      <t>ガッコウ</t>
    </rPh>
    <phoneticPr fontId="0"/>
  </si>
  <si>
    <t>国際課</t>
    <rPh sb="0" eb="3">
      <t>コクサイカ</t>
    </rPh>
    <phoneticPr fontId="0"/>
  </si>
  <si>
    <t>生田東高等学校</t>
    <rPh sb="0" eb="5">
      <t>イクタヒガシコウトウ</t>
    </rPh>
    <rPh sb="5" eb="7">
      <t>ガッコウ</t>
    </rPh>
    <phoneticPr fontId="0"/>
  </si>
  <si>
    <t>観光課</t>
    <rPh sb="0" eb="2">
      <t>カンコウ</t>
    </rPh>
    <rPh sb="2" eb="3">
      <t>カ</t>
    </rPh>
    <phoneticPr fontId="0"/>
  </si>
  <si>
    <t>環境科学センター</t>
    <rPh sb="0" eb="2">
      <t>カンキョウ</t>
    </rPh>
    <rPh sb="2" eb="4">
      <t>カガク</t>
    </rPh>
    <phoneticPr fontId="0"/>
  </si>
  <si>
    <t>吉田島高等学校</t>
    <rPh sb="0" eb="3">
      <t>ヨシダジマ</t>
    </rPh>
    <rPh sb="3" eb="5">
      <t>コウトウ</t>
    </rPh>
    <rPh sb="5" eb="7">
      <t>ガッコウ</t>
    </rPh>
    <phoneticPr fontId="0"/>
  </si>
  <si>
    <t>上溝南高等学校</t>
    <rPh sb="0" eb="2">
      <t>カミミゾ</t>
    </rPh>
    <rPh sb="2" eb="3">
      <t>ミナミ</t>
    </rPh>
    <rPh sb="3" eb="5">
      <t>コウトウ</t>
    </rPh>
    <rPh sb="5" eb="7">
      <t>ガッコウ</t>
    </rPh>
    <phoneticPr fontId="0"/>
  </si>
  <si>
    <t>資源循環推進課</t>
    <rPh sb="0" eb="7">
      <t>シゲンジュンカンスイシンカ</t>
    </rPh>
    <phoneticPr fontId="0"/>
  </si>
  <si>
    <t>自然環境保全課</t>
    <rPh sb="0" eb="2">
      <t>シゼン</t>
    </rPh>
    <rPh sb="2" eb="4">
      <t>カンキョウ</t>
    </rPh>
    <rPh sb="4" eb="6">
      <t>ホゼン</t>
    </rPh>
    <rPh sb="6" eb="7">
      <t>カ</t>
    </rPh>
    <phoneticPr fontId="0"/>
  </si>
  <si>
    <t>自然環境保全課</t>
    <rPh sb="0" eb="7">
      <t>シゼンカンキョウホゼンカ</t>
    </rPh>
    <phoneticPr fontId="0"/>
  </si>
  <si>
    <t>かながわ男女共同参画センター</t>
    <rPh sb="4" eb="10">
      <t>ダンジョキョウドウサンカク</t>
    </rPh>
    <phoneticPr fontId="0"/>
  </si>
  <si>
    <t>小田原東高等学校</t>
    <rPh sb="0" eb="3">
      <t>オダワラ</t>
    </rPh>
    <rPh sb="3" eb="4">
      <t>ヒガシ</t>
    </rPh>
    <rPh sb="4" eb="6">
      <t>コウトウ</t>
    </rPh>
    <rPh sb="6" eb="8">
      <t>ガッコウ</t>
    </rPh>
    <phoneticPr fontId="0"/>
  </si>
  <si>
    <t>総合療育相談センター</t>
    <rPh sb="0" eb="2">
      <t>ソウゴウ</t>
    </rPh>
    <rPh sb="2" eb="4">
      <t>リョウイク</t>
    </rPh>
    <rPh sb="4" eb="6">
      <t>ソウダン</t>
    </rPh>
    <phoneticPr fontId="0"/>
  </si>
  <si>
    <t>総合療育相談センター</t>
    <rPh sb="0" eb="6">
      <t>ソウゴウリョウイクソウダン</t>
    </rPh>
    <phoneticPr fontId="0"/>
  </si>
  <si>
    <t>総合療育相談センター</t>
    <rPh sb="0" eb="6">
      <t>ソウゴウ療育相談</t>
    </rPh>
    <phoneticPr fontId="0"/>
  </si>
  <si>
    <t>生活援護課</t>
    <rPh sb="0" eb="5">
      <t>セイカツエンゴカ</t>
    </rPh>
    <phoneticPr fontId="0"/>
  </si>
  <si>
    <t>舞岡高等学校</t>
    <rPh sb="0" eb="2">
      <t>マイオカ</t>
    </rPh>
    <rPh sb="2" eb="4">
      <t>コウトウ</t>
    </rPh>
    <rPh sb="4" eb="6">
      <t>ガッコウ</t>
    </rPh>
    <phoneticPr fontId="0"/>
  </si>
  <si>
    <t>障害福祉課</t>
    <rPh sb="0" eb="2">
      <t>ショウガイ</t>
    </rPh>
    <rPh sb="2" eb="5">
      <t>フクシカ</t>
    </rPh>
    <phoneticPr fontId="0"/>
  </si>
  <si>
    <t>がん・疾病対策課</t>
    <rPh sb="3" eb="8">
      <t>シッペイタイサクカ</t>
    </rPh>
    <phoneticPr fontId="0"/>
  </si>
  <si>
    <t>医療整備・人材課</t>
    <rPh sb="0" eb="4">
      <t>イリョウセイビ</t>
    </rPh>
    <rPh sb="5" eb="8">
      <t>ジンザイカ</t>
    </rPh>
    <phoneticPr fontId="0"/>
  </si>
  <si>
    <t>医療企画課</t>
    <rPh sb="0" eb="2">
      <t>イリョウ</t>
    </rPh>
    <rPh sb="2" eb="4">
      <t>キカク</t>
    </rPh>
    <rPh sb="4" eb="5">
      <t>カ</t>
    </rPh>
    <phoneticPr fontId="0"/>
  </si>
  <si>
    <t>白山高等学校</t>
    <rPh sb="0" eb="2">
      <t>ハクサン</t>
    </rPh>
    <rPh sb="2" eb="4">
      <t>コウトウ</t>
    </rPh>
    <rPh sb="4" eb="6">
      <t>ガッコウ</t>
    </rPh>
    <phoneticPr fontId="0"/>
  </si>
  <si>
    <t>小田原保健福祉事務所</t>
    <rPh sb="0" eb="3">
      <t>オダワラ</t>
    </rPh>
    <rPh sb="3" eb="5">
      <t>ホケン</t>
    </rPh>
    <rPh sb="5" eb="7">
      <t>フクシ</t>
    </rPh>
    <rPh sb="7" eb="9">
      <t>ジム</t>
    </rPh>
    <rPh sb="9" eb="10">
      <t>ショ</t>
    </rPh>
    <phoneticPr fontId="0"/>
  </si>
  <si>
    <t>横浜緑園高等学校</t>
    <rPh sb="0" eb="2">
      <t>ヨコハマ</t>
    </rPh>
    <rPh sb="2" eb="4">
      <t>リョクエン</t>
    </rPh>
    <rPh sb="4" eb="6">
      <t>コウトウ</t>
    </rPh>
    <rPh sb="6" eb="8">
      <t>ガッコウ</t>
    </rPh>
    <phoneticPr fontId="0"/>
  </si>
  <si>
    <t>精神保健福祉センター</t>
    <rPh sb="0" eb="6">
      <t>セイシンホケンフクシ</t>
    </rPh>
    <phoneticPr fontId="0"/>
  </si>
  <si>
    <t>精神保健福祉センター</t>
    <rPh sb="0" eb="2">
      <t>セイシン</t>
    </rPh>
    <rPh sb="2" eb="4">
      <t>ホケン</t>
    </rPh>
    <rPh sb="4" eb="6">
      <t>フクシ</t>
    </rPh>
    <phoneticPr fontId="0"/>
  </si>
  <si>
    <t>鶴嶺高等学校</t>
    <rPh sb="0" eb="2">
      <t>ツルミネ</t>
    </rPh>
    <rPh sb="2" eb="4">
      <t>コウトウ</t>
    </rPh>
    <rPh sb="4" eb="6">
      <t>ガッコウ</t>
    </rPh>
    <phoneticPr fontId="0"/>
  </si>
  <si>
    <t>厚木保健福祉事務所</t>
    <rPh sb="0" eb="2">
      <t>アツギ</t>
    </rPh>
    <rPh sb="2" eb="4">
      <t>ホケン</t>
    </rPh>
    <rPh sb="4" eb="6">
      <t>フクシ</t>
    </rPh>
    <rPh sb="6" eb="8">
      <t>ジム</t>
    </rPh>
    <rPh sb="8" eb="9">
      <t>ショ</t>
    </rPh>
    <phoneticPr fontId="0"/>
  </si>
  <si>
    <t>障害サービス課</t>
    <rPh sb="0" eb="2">
      <t>ショウガイ</t>
    </rPh>
    <rPh sb="6" eb="7">
      <t>カ</t>
    </rPh>
    <phoneticPr fontId="0"/>
  </si>
  <si>
    <t>百合丘高等学校</t>
    <rPh sb="0" eb="7">
      <t>ユリガオカコウトウガッコウ</t>
    </rPh>
    <phoneticPr fontId="0"/>
  </si>
  <si>
    <t>神奈川障害者職業能力開発校</t>
    <rPh sb="0" eb="3">
      <t>カナガワ</t>
    </rPh>
    <rPh sb="3" eb="6">
      <t>ショウガイシャ</t>
    </rPh>
    <rPh sb="6" eb="8">
      <t>ショクギョウ</t>
    </rPh>
    <rPh sb="8" eb="10">
      <t>ノウリョク</t>
    </rPh>
    <rPh sb="10" eb="12">
      <t>カイハツ</t>
    </rPh>
    <rPh sb="12" eb="13">
      <t>コウ</t>
    </rPh>
    <phoneticPr fontId="0"/>
  </si>
  <si>
    <t>雇用労政課</t>
    <rPh sb="0" eb="5">
      <t>コヨウロウセイカ</t>
    </rPh>
    <phoneticPr fontId="0"/>
  </si>
  <si>
    <t>雇用労政課</t>
    <rPh sb="0" eb="2">
      <t>コヨウ</t>
    </rPh>
    <rPh sb="2" eb="4">
      <t>ロウセイ</t>
    </rPh>
    <rPh sb="4" eb="5">
      <t>カ</t>
    </rPh>
    <phoneticPr fontId="0"/>
  </si>
  <si>
    <t>健康危機・感染症対策課</t>
    <rPh sb="0" eb="11">
      <t>ケ</t>
    </rPh>
    <phoneticPr fontId="0"/>
  </si>
  <si>
    <t>建築安全課</t>
    <rPh sb="0" eb="2">
      <t>ケンチク</t>
    </rPh>
    <rPh sb="2" eb="5">
      <t>アンゼンカ</t>
    </rPh>
    <phoneticPr fontId="0"/>
  </si>
  <si>
    <t>麻溝台高等学校</t>
    <rPh sb="0" eb="3">
      <t>アサミゾダイ</t>
    </rPh>
    <rPh sb="3" eb="5">
      <t>コウトウ</t>
    </rPh>
    <rPh sb="5" eb="7">
      <t>ガッコウ</t>
    </rPh>
    <phoneticPr fontId="0"/>
  </si>
  <si>
    <t>住宅営繕事務所</t>
    <rPh sb="0" eb="2">
      <t>ジュウタク</t>
    </rPh>
    <rPh sb="2" eb="4">
      <t>エイゼン</t>
    </rPh>
    <rPh sb="4" eb="6">
      <t>ジム</t>
    </rPh>
    <rPh sb="6" eb="7">
      <t>ショ</t>
    </rPh>
    <phoneticPr fontId="0"/>
  </si>
  <si>
    <t>会計課</t>
    <rPh sb="0" eb="3">
      <t>カイケイカ</t>
    </rPh>
    <phoneticPr fontId="0"/>
  </si>
  <si>
    <t>座間総合高等学校</t>
    <rPh sb="0" eb="2">
      <t>ザマ</t>
    </rPh>
    <rPh sb="2" eb="4">
      <t>ソウゴウ</t>
    </rPh>
    <rPh sb="4" eb="6">
      <t>コウトウ</t>
    </rPh>
    <rPh sb="6" eb="8">
      <t>ガッコウ</t>
    </rPh>
    <phoneticPr fontId="0"/>
  </si>
  <si>
    <t>座間高等学校</t>
    <rPh sb="0" eb="2">
      <t>ザマ</t>
    </rPh>
    <rPh sb="2" eb="4">
      <t>コウトウ</t>
    </rPh>
    <rPh sb="4" eb="6">
      <t>ガッコウ</t>
    </rPh>
    <phoneticPr fontId="0"/>
  </si>
  <si>
    <t>がん・疾病対策課</t>
    <rPh sb="3" eb="8">
      <t>シッペイタイサクカ</t>
    </rPh>
    <phoneticPr fontId="0"/>
  </si>
  <si>
    <t>水道施設課</t>
    <rPh sb="0" eb="5">
      <t>スイドウシセツカ</t>
    </rPh>
    <phoneticPr fontId="0"/>
  </si>
  <si>
    <t>光陵高等学校</t>
    <rPh sb="0" eb="2">
      <t>コウリョウ</t>
    </rPh>
    <rPh sb="2" eb="6">
      <t>コウトウガッコウ</t>
    </rPh>
    <phoneticPr fontId="0"/>
  </si>
  <si>
    <t>柏陽高等学校</t>
    <rPh sb="0" eb="6">
      <t>ハクヨウコウトウガッコウ</t>
    </rPh>
    <phoneticPr fontId="0"/>
  </si>
  <si>
    <t>中央農業高等学校</t>
    <rPh sb="0" eb="8">
      <t>チュウオウノウギョウコウトウガッコウ</t>
    </rPh>
    <phoneticPr fontId="0"/>
  </si>
  <si>
    <t>二俣川看護福祉高等学校</t>
    <rPh sb="0" eb="3">
      <t>フタマタガワ</t>
    </rPh>
    <rPh sb="3" eb="5">
      <t>カンゴ</t>
    </rPh>
    <rPh sb="5" eb="7">
      <t>フクシ</t>
    </rPh>
    <rPh sb="7" eb="9">
      <t>コウトウ</t>
    </rPh>
    <rPh sb="9" eb="11">
      <t>ガッコウ</t>
    </rPh>
    <phoneticPr fontId="0"/>
  </si>
  <si>
    <t>茅ケ崎北陵高等学校</t>
    <rPh sb="0" eb="3">
      <t>チガサキ</t>
    </rPh>
    <rPh sb="3" eb="5">
      <t>ホクリョウ</t>
    </rPh>
    <rPh sb="5" eb="7">
      <t>コウトウ</t>
    </rPh>
    <rPh sb="7" eb="9">
      <t>ガッコウ</t>
    </rPh>
    <phoneticPr fontId="0"/>
  </si>
  <si>
    <t>伊勢原高等学校</t>
    <rPh sb="0" eb="7">
      <t>イセハラコウトウガッコウ</t>
    </rPh>
    <phoneticPr fontId="0"/>
  </si>
  <si>
    <t>相原高等学校</t>
    <rPh sb="0" eb="6">
      <t>アイハラコウトウガッコウ</t>
    </rPh>
    <phoneticPr fontId="0"/>
  </si>
  <si>
    <t>小田原城北工業高等学校</t>
    <rPh sb="0" eb="11">
      <t>オダワラジョウホクコウギョウコウトウガッコウ</t>
    </rPh>
    <phoneticPr fontId="0"/>
  </si>
  <si>
    <t>横浜桜陽高等学校</t>
    <rPh sb="0" eb="2">
      <t>ヨコハマ</t>
    </rPh>
    <rPh sb="2" eb="4">
      <t>オウヨウ</t>
    </rPh>
    <rPh sb="4" eb="6">
      <t>コウトウ</t>
    </rPh>
    <rPh sb="6" eb="8">
      <t>ガッコウ</t>
    </rPh>
    <phoneticPr fontId="0"/>
  </si>
  <si>
    <t>小田原高等学校</t>
    <rPh sb="0" eb="3">
      <t>オダワラ</t>
    </rPh>
    <rPh sb="3" eb="5">
      <t>コウトウ</t>
    </rPh>
    <rPh sb="5" eb="7">
      <t>ガッコウ</t>
    </rPh>
    <phoneticPr fontId="0"/>
  </si>
  <si>
    <t>湘南高等学校</t>
    <rPh sb="0" eb="2">
      <t>ショウナン</t>
    </rPh>
    <rPh sb="2" eb="4">
      <t>コウトウ</t>
    </rPh>
    <rPh sb="4" eb="6">
      <t>ガッコウ</t>
    </rPh>
    <phoneticPr fontId="0"/>
  </si>
  <si>
    <t>川和高等学校</t>
    <rPh sb="0" eb="6">
      <t>カワワコウトウガッコウ</t>
    </rPh>
    <phoneticPr fontId="0"/>
  </si>
  <si>
    <t>希望ケ丘高等学校</t>
    <rPh sb="0" eb="4">
      <t>キボウガオカ</t>
    </rPh>
    <rPh sb="4" eb="6">
      <t>コウトウ</t>
    </rPh>
    <rPh sb="6" eb="8">
      <t>ガッコウ</t>
    </rPh>
    <phoneticPr fontId="0"/>
  </si>
  <si>
    <t>横浜立野高等学校</t>
    <rPh sb="0" eb="2">
      <t>ヨコハマ</t>
    </rPh>
    <rPh sb="2" eb="4">
      <t>タテノ</t>
    </rPh>
    <rPh sb="4" eb="6">
      <t>コウトウ</t>
    </rPh>
    <rPh sb="6" eb="8">
      <t>ガッコウ</t>
    </rPh>
    <phoneticPr fontId="0"/>
  </si>
  <si>
    <t>横浜南陵高等学校</t>
    <rPh sb="0" eb="8">
      <t>ヨコハマナンリョウコウトウガッコウ</t>
    </rPh>
    <phoneticPr fontId="0"/>
  </si>
  <si>
    <t>神奈川工業高等学校</t>
    <rPh sb="0" eb="9">
      <t>カナガワコウギョウコウトウガッコウ</t>
    </rPh>
    <phoneticPr fontId="0"/>
  </si>
  <si>
    <t>総合教育センター</t>
    <rPh sb="0" eb="4">
      <t>ソウゴウキョウイク</t>
    </rPh>
    <phoneticPr fontId="0"/>
  </si>
  <si>
    <t>文化遺産課</t>
    <rPh sb="0" eb="5">
      <t>ブンカイサンカ</t>
    </rPh>
    <phoneticPr fontId="0"/>
  </si>
  <si>
    <t>県立図書館</t>
    <rPh sb="0" eb="5">
      <t>ケンリツトショカン</t>
    </rPh>
    <phoneticPr fontId="0"/>
  </si>
  <si>
    <t>希望ケ丘高等学校</t>
    <rPh sb="0" eb="4">
      <t>キボウガオカ</t>
    </rPh>
    <rPh sb="4" eb="8">
      <t>コウトウガッコウ</t>
    </rPh>
    <phoneticPr fontId="0"/>
  </si>
  <si>
    <t>高校教育課</t>
    <rPh sb="0" eb="2">
      <t>コウコウ</t>
    </rPh>
    <rPh sb="2" eb="4">
      <t>キョウイク</t>
    </rPh>
    <rPh sb="4" eb="5">
      <t>カ</t>
    </rPh>
    <phoneticPr fontId="0"/>
  </si>
  <si>
    <t>保健体育課</t>
    <rPh sb="0" eb="2">
      <t>ホケン</t>
    </rPh>
    <rPh sb="2" eb="5">
      <t>タイイクカ</t>
    </rPh>
    <phoneticPr fontId="0"/>
  </si>
  <si>
    <t>光陵高等学校</t>
    <rPh sb="0" eb="6">
      <t>コウリョウコウトウガッコウ</t>
    </rPh>
    <phoneticPr fontId="0"/>
  </si>
  <si>
    <t>技術管理課</t>
    <rPh sb="0" eb="2">
      <t>ギジュツ</t>
    </rPh>
    <rPh sb="2" eb="4">
      <t>カンリ</t>
    </rPh>
    <rPh sb="4" eb="5">
      <t>カ</t>
    </rPh>
    <phoneticPr fontId="0"/>
  </si>
  <si>
    <t>財務課</t>
    <rPh sb="0" eb="2">
      <t>ザイム</t>
    </rPh>
    <rPh sb="2" eb="3">
      <t>カ</t>
    </rPh>
    <phoneticPr fontId="0"/>
  </si>
  <si>
    <t>経営課</t>
    <rPh sb="0" eb="2">
      <t>ケイエイ</t>
    </rPh>
    <rPh sb="2" eb="3">
      <t>カ</t>
    </rPh>
    <phoneticPr fontId="0"/>
  </si>
  <si>
    <t>調達課</t>
    <rPh sb="0" eb="2">
      <t>チョウタツ</t>
    </rPh>
    <rPh sb="2" eb="3">
      <t>カ</t>
    </rPh>
    <phoneticPr fontId="0"/>
  </si>
  <si>
    <t xml:space="preserve">県央家畜保健衛生所
</t>
    <rPh sb="0" eb="9">
      <t>ケンオウカチクホケンエイセイショ</t>
    </rPh>
    <phoneticPr fontId="0"/>
  </si>
  <si>
    <t>神奈川県立こども医療センター</t>
    <rPh sb="0" eb="5">
      <t>カナガワケンリツ</t>
    </rPh>
    <rPh sb="8" eb="10">
      <t>イリョウ</t>
    </rPh>
    <phoneticPr fontId="0"/>
  </si>
  <si>
    <t>小田原保健福祉事務所</t>
    <rPh sb="0" eb="10">
      <t>オダワラホケンフクシジムショ</t>
    </rPh>
    <phoneticPr fontId="0"/>
  </si>
  <si>
    <t>鎌倉保健福祉事務所</t>
    <rPh sb="0" eb="2">
      <t>カマクラ</t>
    </rPh>
    <rPh sb="2" eb="4">
      <t>ホケン</t>
    </rPh>
    <rPh sb="4" eb="6">
      <t>フクシ</t>
    </rPh>
    <rPh sb="6" eb="8">
      <t>ジム</t>
    </rPh>
    <rPh sb="8" eb="9">
      <t>ショ</t>
    </rPh>
    <phoneticPr fontId="0"/>
  </si>
  <si>
    <t>神奈川県立循環器呼吸器病センター</t>
    <rPh sb="0" eb="5">
      <t>カナガワケンリツ</t>
    </rPh>
    <rPh sb="5" eb="12">
      <t>ジュンカンキコキュウキビョウ</t>
    </rPh>
    <phoneticPr fontId="0"/>
  </si>
  <si>
    <t>神奈川県立がんセンター</t>
    <rPh sb="0" eb="5">
      <t>カナガワケンリツ</t>
    </rPh>
    <phoneticPr fontId="0"/>
  </si>
  <si>
    <t>神奈川県立精神医療センター</t>
    <rPh sb="0" eb="4">
      <t>カナガワケン</t>
    </rPh>
    <rPh sb="4" eb="5">
      <t>リツ</t>
    </rPh>
    <rPh sb="5" eb="9">
      <t>セイシンイリョウ</t>
    </rPh>
    <phoneticPr fontId="0"/>
  </si>
  <si>
    <t>神奈川県立足柄上病院</t>
    <rPh sb="0" eb="5">
      <t>カナガワケンリツ</t>
    </rPh>
    <rPh sb="5" eb="10">
      <t>アシガラカミビョウイン</t>
    </rPh>
    <phoneticPr fontId="0"/>
  </si>
  <si>
    <t>東部総合職業技術校二俣川支所</t>
    <rPh sb="0" eb="2">
      <t>トウブ</t>
    </rPh>
    <rPh sb="2" eb="4">
      <t>ソウゴウ</t>
    </rPh>
    <rPh sb="4" eb="6">
      <t>ショクギョウ</t>
    </rPh>
    <rPh sb="6" eb="8">
      <t>ギジュツ</t>
    </rPh>
    <rPh sb="8" eb="9">
      <t>コウ</t>
    </rPh>
    <rPh sb="9" eb="12">
      <t>フタマタガワ</t>
    </rPh>
    <rPh sb="12" eb="14">
      <t>シショ</t>
    </rPh>
    <phoneticPr fontId="0"/>
  </si>
  <si>
    <t>総合教育センター</t>
    <rPh sb="0" eb="2">
      <t>ソウゴウ</t>
    </rPh>
    <rPh sb="2" eb="4">
      <t>キョウイク</t>
    </rPh>
    <phoneticPr fontId="0"/>
  </si>
  <si>
    <t>税制企画課</t>
    <rPh sb="0" eb="2">
      <t>ゼイセイ</t>
    </rPh>
    <rPh sb="2" eb="4">
      <t>キカク</t>
    </rPh>
    <rPh sb="4" eb="5">
      <t>カ</t>
    </rPh>
    <phoneticPr fontId="0"/>
  </si>
  <si>
    <t>交通政策課</t>
    <rPh sb="0" eb="5">
      <t>コウツウセイサクカ</t>
    </rPh>
    <phoneticPr fontId="0"/>
  </si>
  <si>
    <t>建築指導課</t>
    <rPh sb="0" eb="2">
      <t>ケンチク</t>
    </rPh>
    <rPh sb="2" eb="5">
      <t>シドウカ</t>
    </rPh>
    <phoneticPr fontId="0"/>
  </si>
  <si>
    <t>百合丘高等学校</t>
    <rPh sb="0" eb="3">
      <t>ユリガオカ</t>
    </rPh>
    <rPh sb="3" eb="7">
      <t>コウトウガッコウ</t>
    </rPh>
    <phoneticPr fontId="0"/>
  </si>
  <si>
    <t>金融課</t>
    <rPh sb="0" eb="2">
      <t>キンユウ</t>
    </rPh>
    <rPh sb="2" eb="3">
      <t>カ</t>
    </rPh>
    <phoneticPr fontId="0"/>
  </si>
  <si>
    <t>水源環境保全課</t>
    <rPh sb="0" eb="7">
      <t>スイゲンカンキョウホゼンカ</t>
    </rPh>
    <phoneticPr fontId="0"/>
  </si>
  <si>
    <t>特別支援教育課</t>
    <rPh sb="0" eb="7">
      <t>トクベツシエンキョウイクカ</t>
    </rPh>
    <phoneticPr fontId="0"/>
  </si>
  <si>
    <t>特別支援教育課</t>
    <rPh sb="0" eb="6">
      <t>トクベツシエンキョウイク</t>
    </rPh>
    <rPh sb="6" eb="7">
      <t>カ</t>
    </rPh>
    <phoneticPr fontId="0"/>
  </si>
  <si>
    <t>畜産課</t>
    <rPh sb="0" eb="3">
      <t>チクサンカ</t>
    </rPh>
    <phoneticPr fontId="0"/>
  </si>
  <si>
    <t>財務課</t>
    <rPh sb="0" eb="3">
      <t>ザイムカ</t>
    </rPh>
    <phoneticPr fontId="0"/>
  </si>
  <si>
    <t>財務課</t>
    <rPh sb="0" eb="2">
      <t>ザイム</t>
    </rPh>
    <rPh sb="2" eb="3">
      <t>カ</t>
    </rPh>
    <phoneticPr fontId="0"/>
  </si>
  <si>
    <t>ＮＰＯ協働推進課</t>
    <rPh sb="3" eb="5">
      <t>キョウドウ</t>
    </rPh>
    <rPh sb="5" eb="8">
      <t>スイシンカ</t>
    </rPh>
    <phoneticPr fontId="0"/>
  </si>
  <si>
    <t>次世代育成課</t>
    <rPh sb="0" eb="6">
      <t>ジセダイイクセイカ</t>
    </rPh>
    <phoneticPr fontId="0"/>
  </si>
  <si>
    <t>次世代育成課</t>
    <rPh sb="0" eb="3">
      <t>ジセダイ</t>
    </rPh>
    <rPh sb="3" eb="5">
      <t>イクセイ</t>
    </rPh>
    <rPh sb="5" eb="6">
      <t>カ</t>
    </rPh>
    <phoneticPr fontId="0"/>
  </si>
  <si>
    <t>動物愛護センター</t>
    <rPh sb="0" eb="4">
      <t>ドウブツアイゴ</t>
    </rPh>
    <phoneticPr fontId="0"/>
  </si>
  <si>
    <t>会計課</t>
    <rPh sb="0" eb="3">
      <t>カイケイカ</t>
    </rPh>
    <phoneticPr fontId="0"/>
  </si>
  <si>
    <t>広報県民課</t>
    <rPh sb="0" eb="5">
      <t>コウホウケンミンカ</t>
    </rPh>
    <phoneticPr fontId="0"/>
  </si>
  <si>
    <t>警務課</t>
    <rPh sb="0" eb="2">
      <t>ケイム</t>
    </rPh>
    <rPh sb="2" eb="3">
      <t>カ</t>
    </rPh>
    <phoneticPr fontId="0"/>
  </si>
  <si>
    <t>鑑識課</t>
    <rPh sb="0" eb="2">
      <t>カンシキ</t>
    </rPh>
    <rPh sb="2" eb="3">
      <t>カ</t>
    </rPh>
    <phoneticPr fontId="0"/>
  </si>
  <si>
    <t>生活安全総務課</t>
    <rPh sb="0" eb="7">
      <t>セイカツアンゼンソウムカ</t>
    </rPh>
    <phoneticPr fontId="0"/>
  </si>
  <si>
    <t>生活安全総務課</t>
    <rPh sb="0" eb="7">
      <t>セイカツアンゼンソウムカ</t>
    </rPh>
    <phoneticPr fontId="0"/>
  </si>
  <si>
    <t>生活安全総務課</t>
    <rPh sb="0" eb="7">
      <t>セイカツアンゼンソウムカ</t>
    </rPh>
    <phoneticPr fontId="0"/>
  </si>
  <si>
    <t>人身安全対策課</t>
    <rPh sb="0" eb="7">
      <t>ジンシンアンゼンタイサクカ</t>
    </rPh>
    <phoneticPr fontId="0"/>
  </si>
  <si>
    <t>情報公開広聴課</t>
    <rPh sb="0" eb="2">
      <t>ジョウホウ</t>
    </rPh>
    <rPh sb="2" eb="4">
      <t>コウカイ</t>
    </rPh>
    <rPh sb="4" eb="6">
      <t>コウチョウ</t>
    </rPh>
    <rPh sb="6" eb="7">
      <t>カ</t>
    </rPh>
    <phoneticPr fontId="0"/>
  </si>
  <si>
    <t>神奈川県立こども医療センター</t>
    <rPh sb="0" eb="3">
      <t>カナガワ</t>
    </rPh>
    <rPh sb="3" eb="4">
      <t>ケン</t>
    </rPh>
    <rPh sb="4" eb="5">
      <t>リツ</t>
    </rPh>
    <rPh sb="8" eb="10">
      <t>イリョウ</t>
    </rPh>
    <phoneticPr fontId="0"/>
  </si>
  <si>
    <t>神奈川県立こども医療センター</t>
    <rPh sb="0" eb="4">
      <t>カナガワケン</t>
    </rPh>
    <rPh sb="4" eb="5">
      <t>リツ</t>
    </rPh>
    <rPh sb="8" eb="10">
      <t>イリョウ</t>
    </rPh>
    <phoneticPr fontId="0"/>
  </si>
  <si>
    <t>通信指令課</t>
    <rPh sb="0" eb="2">
      <t>ツウシン</t>
    </rPh>
    <rPh sb="2" eb="4">
      <t>シレイ</t>
    </rPh>
    <rPh sb="4" eb="5">
      <t>カ</t>
    </rPh>
    <phoneticPr fontId="0"/>
  </si>
  <si>
    <t>交通総務課</t>
    <rPh sb="0" eb="2">
      <t>コウツウ</t>
    </rPh>
    <rPh sb="2" eb="5">
      <t>ソウムカ</t>
    </rPh>
    <phoneticPr fontId="0"/>
  </si>
  <si>
    <t>運転教育課</t>
    <rPh sb="0" eb="2">
      <t>ウンテン</t>
    </rPh>
    <rPh sb="2" eb="4">
      <t>キョウイク</t>
    </rPh>
    <rPh sb="4" eb="5">
      <t>カ</t>
    </rPh>
    <phoneticPr fontId="0"/>
  </si>
  <si>
    <t>運転免許課、運転教育課</t>
    <rPh sb="0" eb="2">
      <t>ウンテン</t>
    </rPh>
    <rPh sb="2" eb="4">
      <t>メンキョ</t>
    </rPh>
    <rPh sb="4" eb="5">
      <t>カ</t>
    </rPh>
    <rPh sb="6" eb="8">
      <t>ウンテン</t>
    </rPh>
    <rPh sb="8" eb="11">
      <t>キョウイクカ</t>
    </rPh>
    <phoneticPr fontId="0"/>
  </si>
  <si>
    <t>駐車対策課</t>
    <rPh sb="0" eb="2">
      <t>チュウシャ</t>
    </rPh>
    <rPh sb="2" eb="4">
      <t>タイサク</t>
    </rPh>
    <rPh sb="4" eb="5">
      <t>カ</t>
    </rPh>
    <phoneticPr fontId="0"/>
  </si>
  <si>
    <t>高齢福祉課</t>
    <rPh sb="0" eb="2">
      <t>コウレイ</t>
    </rPh>
    <rPh sb="2" eb="5">
      <t>フクシカ</t>
    </rPh>
    <phoneticPr fontId="0"/>
  </si>
  <si>
    <t>高齢福祉課</t>
    <rPh sb="0" eb="2">
      <t>コウレイ</t>
    </rPh>
    <rPh sb="2" eb="5">
      <t>フクシカ</t>
    </rPh>
    <phoneticPr fontId="0"/>
  </si>
  <si>
    <t>高齢福祉課</t>
    <rPh sb="0" eb="2">
      <t>コウレイ</t>
    </rPh>
    <rPh sb="2" eb="5">
      <t>フクシカ</t>
    </rPh>
    <phoneticPr fontId="0"/>
  </si>
  <si>
    <t>障害福祉課</t>
    <rPh sb="0" eb="2">
      <t>ショウガイ</t>
    </rPh>
    <rPh sb="2" eb="5">
      <t>フクシカ</t>
    </rPh>
    <phoneticPr fontId="0"/>
  </si>
  <si>
    <t>障害福祉課</t>
    <rPh sb="0" eb="5">
      <t>ショウガイフクシカ</t>
    </rPh>
    <phoneticPr fontId="0"/>
  </si>
  <si>
    <t>道路管理課</t>
    <rPh sb="0" eb="2">
      <t>ドウロ</t>
    </rPh>
    <rPh sb="2" eb="4">
      <t>カンリ</t>
    </rPh>
    <rPh sb="4" eb="5">
      <t>カ</t>
    </rPh>
    <phoneticPr fontId="0"/>
  </si>
  <si>
    <t>税務指導課</t>
    <rPh sb="0" eb="2">
      <t>ゼイム</t>
    </rPh>
    <rPh sb="2" eb="5">
      <t>シドウカ</t>
    </rPh>
    <phoneticPr fontId="0"/>
  </si>
  <si>
    <t>税務指導課</t>
    <rPh sb="0" eb="5">
      <t>ゼイムシドウカ</t>
    </rPh>
    <phoneticPr fontId="0"/>
  </si>
  <si>
    <t>私学振興課</t>
    <rPh sb="0" eb="5">
      <t>シガクシンコウカ</t>
    </rPh>
    <phoneticPr fontId="0"/>
  </si>
  <si>
    <t>私学振興課</t>
    <rPh sb="0" eb="2">
      <t>シガク</t>
    </rPh>
    <rPh sb="2" eb="4">
      <t>シンコウ</t>
    </rPh>
    <rPh sb="4" eb="5">
      <t>カ</t>
    </rPh>
    <phoneticPr fontId="0"/>
  </si>
  <si>
    <t>交通総務課</t>
    <rPh sb="0" eb="2">
      <t>コウツウ</t>
    </rPh>
    <rPh sb="2" eb="5">
      <t>ソウムカ</t>
    </rPh>
    <phoneticPr fontId="0"/>
  </si>
  <si>
    <t>知事室</t>
    <rPh sb="0" eb="3">
      <t>チジシツ</t>
    </rPh>
    <phoneticPr fontId="0"/>
  </si>
  <si>
    <t>横浜瀬谷高等学校</t>
    <rPh sb="0" eb="2">
      <t>ヨコハマ</t>
    </rPh>
    <rPh sb="2" eb="4">
      <t>セヤ</t>
    </rPh>
    <rPh sb="4" eb="6">
      <t>コウトウ</t>
    </rPh>
    <rPh sb="6" eb="8">
      <t>ガッコウ</t>
    </rPh>
    <phoneticPr fontId="0"/>
  </si>
  <si>
    <t>県央家畜保健衛生所</t>
    <rPh sb="0" eb="9">
      <t>ケンオウカチクホケンエイセイジョ</t>
    </rPh>
    <phoneticPr fontId="0"/>
  </si>
  <si>
    <t>がん・疾病対策課</t>
    <rPh sb="3" eb="8">
      <t>シッペイタイサクカ</t>
    </rPh>
    <phoneticPr fontId="0"/>
  </si>
  <si>
    <t>教職員企画課</t>
    <rPh sb="0" eb="3">
      <t>キョウショクイン</t>
    </rPh>
    <rPh sb="3" eb="5">
      <t>キカク</t>
    </rPh>
    <rPh sb="5" eb="6">
      <t>カ</t>
    </rPh>
    <phoneticPr fontId="0"/>
  </si>
  <si>
    <t>教職員企画課</t>
    <rPh sb="0" eb="6">
      <t>キョウショクインキカクカ</t>
    </rPh>
    <phoneticPr fontId="0"/>
  </si>
  <si>
    <t>神奈川県立足柄上病院</t>
    <rPh sb="0" eb="5">
      <t>カナガワケンリツ</t>
    </rPh>
    <rPh sb="5" eb="10">
      <t>アシガラカミビョウイン</t>
    </rPh>
    <phoneticPr fontId="0"/>
  </si>
  <si>
    <t>次世代育成課</t>
    <rPh sb="0" eb="3">
      <t>ジセダイ</t>
    </rPh>
    <rPh sb="3" eb="5">
      <t>イクセイ</t>
    </rPh>
    <rPh sb="5" eb="6">
      <t>カ</t>
    </rPh>
    <phoneticPr fontId="0"/>
  </si>
  <si>
    <t>中小企業支援課</t>
    <rPh sb="0" eb="2">
      <t>チュウショウ</t>
    </rPh>
    <rPh sb="2" eb="4">
      <t>キギョウ</t>
    </rPh>
    <rPh sb="4" eb="6">
      <t>シエン</t>
    </rPh>
    <rPh sb="6" eb="7">
      <t>カ</t>
    </rPh>
    <phoneticPr fontId="0"/>
  </si>
  <si>
    <t>愛川高等学校</t>
    <rPh sb="0" eb="2">
      <t>アイカワ</t>
    </rPh>
    <rPh sb="2" eb="4">
      <t>コウトウ</t>
    </rPh>
    <rPh sb="4" eb="6">
      <t>ガッコウ</t>
    </rPh>
    <phoneticPr fontId="0"/>
  </si>
  <si>
    <t>相模原弥栄高等学校</t>
    <rPh sb="0" eb="9">
      <t>サガミハラヤエイコウトウガッコウ</t>
    </rPh>
    <phoneticPr fontId="0"/>
  </si>
  <si>
    <t>大井高等学校</t>
    <rPh sb="0" eb="6">
      <t>オオイコウトウガッコウ</t>
    </rPh>
    <phoneticPr fontId="0"/>
  </si>
  <si>
    <t>横須賀工業高等学校</t>
    <rPh sb="0" eb="9">
      <t>ヨコスカコウギョウコウトウガッコウ</t>
    </rPh>
    <phoneticPr fontId="0"/>
  </si>
  <si>
    <t>教職員企画課</t>
    <rPh sb="0" eb="3">
      <t>キョウショクイン</t>
    </rPh>
    <rPh sb="3" eb="5">
      <t>キカク</t>
    </rPh>
    <rPh sb="5" eb="6">
      <t>カ</t>
    </rPh>
    <phoneticPr fontId="0"/>
  </si>
  <si>
    <t>新栄高等学校</t>
    <rPh sb="0" eb="2">
      <t>シンエイ</t>
    </rPh>
    <rPh sb="2" eb="4">
      <t>コウトウ</t>
    </rPh>
    <rPh sb="4" eb="6">
      <t>ガッコウ</t>
    </rPh>
    <phoneticPr fontId="0"/>
  </si>
  <si>
    <t>山北高等学校</t>
    <rPh sb="0" eb="6">
      <t>ヤマキタコウトウガッコウ</t>
    </rPh>
    <phoneticPr fontId="0"/>
  </si>
  <si>
    <t>鶴見総合高等学校</t>
    <rPh sb="0" eb="2">
      <t>ツルミ</t>
    </rPh>
    <rPh sb="2" eb="4">
      <t>ソウゴウ</t>
    </rPh>
    <rPh sb="4" eb="6">
      <t>コウトウ</t>
    </rPh>
    <rPh sb="6" eb="8">
      <t>ガッコウ</t>
    </rPh>
    <phoneticPr fontId="0"/>
  </si>
  <si>
    <t>中小企業支援課</t>
    <rPh sb="0" eb="2">
      <t>チュウショウ</t>
    </rPh>
    <rPh sb="2" eb="4">
      <t>キギョウ</t>
    </rPh>
    <rPh sb="4" eb="6">
      <t>シエン</t>
    </rPh>
    <rPh sb="6" eb="7">
      <t>カ</t>
    </rPh>
    <phoneticPr fontId="0"/>
  </si>
  <si>
    <t>中小企業支援課</t>
    <rPh sb="0" eb="2">
      <t>チュウショウ</t>
    </rPh>
    <rPh sb="2" eb="4">
      <t>キギョウ</t>
    </rPh>
    <rPh sb="4" eb="6">
      <t>シエン</t>
    </rPh>
    <rPh sb="6" eb="7">
      <t>カ</t>
    </rPh>
    <phoneticPr fontId="0"/>
  </si>
  <si>
    <t>中小企業支援課</t>
    <rPh sb="0" eb="7">
      <t>チュウショウキギョウシエンカ</t>
    </rPh>
    <phoneticPr fontId="0"/>
  </si>
  <si>
    <t>脱炭素戦略本部室</t>
    <rPh sb="0" eb="1">
      <t>ダツ</t>
    </rPh>
    <rPh sb="1" eb="3">
      <t>タンソ</t>
    </rPh>
    <rPh sb="3" eb="5">
      <t>センリャク</t>
    </rPh>
    <rPh sb="5" eb="7">
      <t>ホンブ</t>
    </rPh>
    <rPh sb="7" eb="8">
      <t>シツ</t>
    </rPh>
    <phoneticPr fontId="0"/>
  </si>
  <si>
    <t>建築住宅部建築指導課</t>
    <rPh sb="0" eb="2">
      <t>ケンチク</t>
    </rPh>
    <rPh sb="2" eb="4">
      <t>ジュウタク</t>
    </rPh>
    <rPh sb="4" eb="5">
      <t>ブ</t>
    </rPh>
    <rPh sb="5" eb="7">
      <t>ケンチク</t>
    </rPh>
    <rPh sb="7" eb="10">
      <t>シドウカ</t>
    </rPh>
    <phoneticPr fontId="0"/>
  </si>
  <si>
    <t>青少年課</t>
    <rPh sb="0" eb="3">
      <t>セイショウネン</t>
    </rPh>
    <rPh sb="3" eb="4">
      <t>カ</t>
    </rPh>
    <phoneticPr fontId="0"/>
  </si>
  <si>
    <t>利水課</t>
    <rPh sb="0" eb="2">
      <t>リスイ</t>
    </rPh>
    <rPh sb="2" eb="3">
      <t>カ</t>
    </rPh>
    <phoneticPr fontId="0"/>
  </si>
  <si>
    <t>医療整備・人材課</t>
    <rPh sb="0" eb="2">
      <t>イリョウ</t>
    </rPh>
    <rPh sb="2" eb="4">
      <t>セイビ</t>
    </rPh>
    <rPh sb="5" eb="7">
      <t>ジンザイ</t>
    </rPh>
    <rPh sb="7" eb="8">
      <t>カ</t>
    </rPh>
    <phoneticPr fontId="0"/>
  </si>
  <si>
    <t>相模原城山高等学校</t>
    <rPh sb="0" eb="9">
      <t>サガミハラシロヤマコウトウガッコウ</t>
    </rPh>
    <phoneticPr fontId="0"/>
  </si>
  <si>
    <t>私学振興課</t>
    <rPh sb="0" eb="2">
      <t>シガク</t>
    </rPh>
    <rPh sb="2" eb="4">
      <t>シンコウ</t>
    </rPh>
    <rPh sb="4" eb="5">
      <t>カ</t>
    </rPh>
    <phoneticPr fontId="0"/>
  </si>
  <si>
    <t>脱炭素戦略本部室</t>
    <rPh sb="0" eb="8">
      <t>ダツタンソセンリャクホンブシツ</t>
    </rPh>
    <phoneticPr fontId="0"/>
  </si>
  <si>
    <t>総務室</t>
    <rPh sb="0" eb="2">
      <t>ソウム</t>
    </rPh>
    <rPh sb="2" eb="3">
      <t>シツ</t>
    </rPh>
    <phoneticPr fontId="0"/>
  </si>
  <si>
    <t>相模川水系ダム管理事務所</t>
    <rPh sb="0" eb="2">
      <t>サガミ</t>
    </rPh>
    <rPh sb="2" eb="3">
      <t>ガワ</t>
    </rPh>
    <rPh sb="3" eb="5">
      <t>スイケイ</t>
    </rPh>
    <rPh sb="7" eb="12">
      <t>カンリジムショ</t>
    </rPh>
    <phoneticPr fontId="0"/>
  </si>
  <si>
    <t>厚木王子高等学校</t>
    <rPh sb="0" eb="2">
      <t>アツギ</t>
    </rPh>
    <rPh sb="2" eb="8">
      <t>オウジコウトウガッコウ</t>
    </rPh>
    <phoneticPr fontId="0"/>
  </si>
  <si>
    <t>金井高等学校</t>
    <rPh sb="0" eb="2">
      <t>カナイ</t>
    </rPh>
    <rPh sb="2" eb="4">
      <t>コウトウ</t>
    </rPh>
    <rPh sb="4" eb="6">
      <t>ガッコウ</t>
    </rPh>
    <phoneticPr fontId="0"/>
  </si>
  <si>
    <t>デジタル戦略本部室</t>
    <rPh sb="4" eb="6">
      <t>センリャク</t>
    </rPh>
    <rPh sb="6" eb="8">
      <t>ホンブ</t>
    </rPh>
    <rPh sb="8" eb="9">
      <t>シツ</t>
    </rPh>
    <phoneticPr fontId="0"/>
  </si>
  <si>
    <t>障害サービス課</t>
    <rPh sb="0" eb="2">
      <t>ショウガイ</t>
    </rPh>
    <rPh sb="6" eb="7">
      <t>カ</t>
    </rPh>
    <phoneticPr fontId="0"/>
  </si>
  <si>
    <t>産業振興課</t>
    <rPh sb="0" eb="5">
      <t>サンギョウシンコウカ</t>
    </rPh>
    <phoneticPr fontId="0"/>
  </si>
  <si>
    <t>交通規制課</t>
    <rPh sb="0" eb="2">
      <t>コウツウ</t>
    </rPh>
    <rPh sb="2" eb="5">
      <t>キセイカ</t>
    </rPh>
    <phoneticPr fontId="0"/>
  </si>
  <si>
    <t>薬務課</t>
    <rPh sb="0" eb="2">
      <t>ヤクム</t>
    </rPh>
    <rPh sb="2" eb="3">
      <t>カ</t>
    </rPh>
    <phoneticPr fontId="0"/>
  </si>
  <si>
    <t>平塚保健福祉事務所</t>
    <rPh sb="0" eb="2">
      <t>ヒラツカ</t>
    </rPh>
    <rPh sb="2" eb="4">
      <t>ホケン</t>
    </rPh>
    <rPh sb="4" eb="6">
      <t>フクシ</t>
    </rPh>
    <rPh sb="6" eb="8">
      <t>ジム</t>
    </rPh>
    <rPh sb="8" eb="9">
      <t>ショ</t>
    </rPh>
    <phoneticPr fontId="0"/>
  </si>
  <si>
    <t>建設業課</t>
    <rPh sb="0" eb="3">
      <t>ケンセツギョウ</t>
    </rPh>
    <rPh sb="3" eb="4">
      <t>カ</t>
    </rPh>
    <phoneticPr fontId="0"/>
  </si>
  <si>
    <t>環境課</t>
    <rPh sb="0" eb="2">
      <t>カンキョウ</t>
    </rPh>
    <rPh sb="2" eb="3">
      <t>カ</t>
    </rPh>
    <phoneticPr fontId="0"/>
  </si>
  <si>
    <t>保健体育課</t>
    <rPh sb="0" eb="2">
      <t>ホケン</t>
    </rPh>
    <rPh sb="2" eb="4">
      <t>タイイク</t>
    </rPh>
    <rPh sb="4" eb="5">
      <t>カ</t>
    </rPh>
    <phoneticPr fontId="0"/>
  </si>
  <si>
    <t>向の岡工業高等学校</t>
    <rPh sb="0" eb="1">
      <t>ムカイ</t>
    </rPh>
    <rPh sb="2" eb="9">
      <t>オカコウギョウコウトウガッコウ</t>
    </rPh>
    <phoneticPr fontId="14"/>
  </si>
  <si>
    <t>横浜明朋高等学校</t>
    <rPh sb="0" eb="8">
      <t>ヨコハマメイホウコウトウガッコウ</t>
    </rPh>
    <phoneticPr fontId="14"/>
  </si>
  <si>
    <t>横浜清陵高等学校</t>
    <rPh sb="0" eb="8">
      <t>ヨコハマセイリョウコウトウガッコウ</t>
    </rPh>
    <phoneticPr fontId="14"/>
  </si>
  <si>
    <t>地域福祉課</t>
    <rPh sb="0" eb="5">
      <t>チイキフクシカ</t>
    </rPh>
    <phoneticPr fontId="13"/>
  </si>
  <si>
    <t>私学振興課</t>
    <rPh sb="0" eb="2">
      <t>シガク</t>
    </rPh>
    <rPh sb="2" eb="4">
      <t>シンコウ</t>
    </rPh>
    <rPh sb="4" eb="5">
      <t>カ</t>
    </rPh>
    <phoneticPr fontId="8"/>
  </si>
  <si>
    <t>水産課</t>
    <rPh sb="0" eb="2">
      <t>スイサン</t>
    </rPh>
    <rPh sb="2" eb="3">
      <t>カ</t>
    </rPh>
    <phoneticPr fontId="7"/>
  </si>
  <si>
    <t>薬務課</t>
    <rPh sb="0" eb="3">
      <t>ヤクムカ</t>
    </rPh>
    <phoneticPr fontId="7"/>
  </si>
  <si>
    <t>医療整備・人材課</t>
    <rPh sb="0" eb="2">
      <t>イリョウ</t>
    </rPh>
    <rPh sb="2" eb="4">
      <t>セイビ</t>
    </rPh>
    <rPh sb="5" eb="7">
      <t>ジンザイ</t>
    </rPh>
    <rPh sb="7" eb="8">
      <t>カ</t>
    </rPh>
    <phoneticPr fontId="0"/>
  </si>
  <si>
    <t>高浜高等学校</t>
    <rPh sb="0" eb="2">
      <t>タカハマ</t>
    </rPh>
    <rPh sb="2" eb="4">
      <t>コウトウ</t>
    </rPh>
    <rPh sb="4" eb="6">
      <t>ガッコウ</t>
    </rPh>
    <phoneticPr fontId="0"/>
  </si>
  <si>
    <t>債権管理適正化事務（債務者の個人情報ファイル）</t>
    <rPh sb="0" eb="2">
      <t>サイケン</t>
    </rPh>
    <rPh sb="2" eb="4">
      <t>カンリ</t>
    </rPh>
    <rPh sb="4" eb="6">
      <t>テキセイ</t>
    </rPh>
    <rPh sb="6" eb="7">
      <t>カ</t>
    </rPh>
    <rPh sb="7" eb="9">
      <t>ジム</t>
    </rPh>
    <rPh sb="10" eb="13">
      <t>サイムシャ</t>
    </rPh>
    <rPh sb="14" eb="16">
      <t>コジン</t>
    </rPh>
    <rPh sb="16" eb="18">
      <t>ジョウホウ</t>
    </rPh>
    <phoneticPr fontId="0"/>
  </si>
  <si>
    <t>附属機関等の委員等名簿</t>
    <rPh sb="9" eb="11">
      <t>メイボ</t>
    </rPh>
    <phoneticPr fontId="0"/>
  </si>
  <si>
    <t>避難者集計データベース</t>
    <rPh sb="0" eb="3">
      <t>ヒナンシャ</t>
    </rPh>
    <rPh sb="3" eb="5">
      <t>シュウケイ</t>
    </rPh>
    <phoneticPr fontId="0"/>
  </si>
  <si>
    <t>民賃＆退去＆求償台帳ファイル</t>
    <rPh sb="0" eb="1">
      <t>ミン</t>
    </rPh>
    <rPh sb="1" eb="2">
      <t>チン</t>
    </rPh>
    <rPh sb="3" eb="5">
      <t>タイキョ</t>
    </rPh>
    <rPh sb="6" eb="8">
      <t>キュウショウ</t>
    </rPh>
    <rPh sb="8" eb="10">
      <t>ダイチョウ</t>
    </rPh>
    <phoneticPr fontId="0"/>
  </si>
  <si>
    <t>消費生活相談情報</t>
    <rPh sb="6" eb="8">
      <t>ジョウホウ</t>
    </rPh>
    <phoneticPr fontId="0"/>
  </si>
  <si>
    <t>人材確保対策に係る申込者情報</t>
    <rPh sb="0" eb="2">
      <t>ジンザイ</t>
    </rPh>
    <rPh sb="2" eb="4">
      <t>カクホ</t>
    </rPh>
    <rPh sb="4" eb="6">
      <t>タイサク</t>
    </rPh>
    <rPh sb="7" eb="8">
      <t>カカ</t>
    </rPh>
    <rPh sb="9" eb="11">
      <t>モウシコ</t>
    </rPh>
    <rPh sb="11" eb="12">
      <t>シャ</t>
    </rPh>
    <rPh sb="12" eb="14">
      <t>ジョウホウ</t>
    </rPh>
    <phoneticPr fontId="0"/>
  </si>
  <si>
    <t>全国避難者情報システムファイル</t>
    <rPh sb="0" eb="2">
      <t>ゼンコク</t>
    </rPh>
    <rPh sb="2" eb="5">
      <t>ヒナンシャ</t>
    </rPh>
    <rPh sb="5" eb="7">
      <t>ジョウホウ</t>
    </rPh>
    <phoneticPr fontId="0"/>
  </si>
  <si>
    <t>ねんりんピックかながわ2022参加者等の各種申込ファイル</t>
    <rPh sb="15" eb="17">
      <t>サンカ</t>
    </rPh>
    <rPh sb="17" eb="19">
      <t>シャナド</t>
    </rPh>
    <rPh sb="20" eb="22">
      <t>カクシュ</t>
    </rPh>
    <rPh sb="22" eb="24">
      <t>モウシコミ</t>
    </rPh>
    <phoneticPr fontId="0"/>
  </si>
  <si>
    <t>セーリング観戦クルーズ及びセーリング体験会申込者名簿</t>
    <rPh sb="5" eb="7">
      <t>カンセン</t>
    </rPh>
    <rPh sb="11" eb="12">
      <t>オヨ</t>
    </rPh>
    <rPh sb="18" eb="20">
      <t>タイケン</t>
    </rPh>
    <rPh sb="20" eb="21">
      <t>カイ</t>
    </rPh>
    <rPh sb="21" eb="23">
      <t>モウシコミ</t>
    </rPh>
    <rPh sb="23" eb="24">
      <t>シャ</t>
    </rPh>
    <rPh sb="24" eb="26">
      <t>メイボ</t>
    </rPh>
    <phoneticPr fontId="0"/>
  </si>
  <si>
    <t>湘南港等利用者データベース</t>
    <rPh sb="0" eb="2">
      <t>ショウナン</t>
    </rPh>
    <rPh sb="2" eb="3">
      <t>コウ</t>
    </rPh>
    <rPh sb="3" eb="4">
      <t>トウ</t>
    </rPh>
    <rPh sb="4" eb="6">
      <t>リヨウ</t>
    </rPh>
    <rPh sb="6" eb="7">
      <t>シャ</t>
    </rPh>
    <phoneticPr fontId="0"/>
  </si>
  <si>
    <t>聖火ランナー候補者リスト</t>
    <rPh sb="0" eb="2">
      <t>セイカ</t>
    </rPh>
    <rPh sb="6" eb="9">
      <t>コウホシャ</t>
    </rPh>
    <phoneticPr fontId="0"/>
  </si>
  <si>
    <t>会員名簿</t>
    <rPh sb="0" eb="4">
      <t>カイインメイボ</t>
    </rPh>
    <phoneticPr fontId="0"/>
  </si>
  <si>
    <t>特定家畜伝染病発生時参集職員名簿</t>
    <rPh sb="0" eb="2">
      <t>トクテイ</t>
    </rPh>
    <rPh sb="2" eb="4">
      <t>カチク</t>
    </rPh>
    <rPh sb="4" eb="7">
      <t>デンセンビョウ</t>
    </rPh>
    <rPh sb="7" eb="9">
      <t>ハッセイ</t>
    </rPh>
    <rPh sb="9" eb="10">
      <t>ジ</t>
    </rPh>
    <rPh sb="10" eb="14">
      <t>サンシュウショクイン</t>
    </rPh>
    <rPh sb="14" eb="16">
      <t>メイボ</t>
    </rPh>
    <phoneticPr fontId="0"/>
  </si>
  <si>
    <t>かながわ（旧・中高年）ホームファーマー応募者・受講者ファイル</t>
    <rPh sb="5" eb="6">
      <t>キュウ</t>
    </rPh>
    <rPh sb="7" eb="10">
      <t>チュウコウネン</t>
    </rPh>
    <rPh sb="19" eb="22">
      <t>オウボシャ</t>
    </rPh>
    <rPh sb="23" eb="26">
      <t>ジュコウシャ</t>
    </rPh>
    <phoneticPr fontId="0"/>
  </si>
  <si>
    <t>農地集積利用調査対象データ</t>
    <rPh sb="0" eb="2">
      <t>ノウチ</t>
    </rPh>
    <rPh sb="2" eb="4">
      <t>シュウセキ</t>
    </rPh>
    <rPh sb="4" eb="6">
      <t>リヨウ</t>
    </rPh>
    <rPh sb="6" eb="8">
      <t>チョウサ</t>
    </rPh>
    <rPh sb="8" eb="10">
      <t>タイショウ</t>
    </rPh>
    <phoneticPr fontId="0"/>
  </si>
  <si>
    <t>地下水質常時監視井戸台帳</t>
    <rPh sb="0" eb="2">
      <t>チカ</t>
    </rPh>
    <rPh sb="2" eb="4">
      <t>スイシツ</t>
    </rPh>
    <rPh sb="4" eb="6">
      <t>ジョウジ</t>
    </rPh>
    <rPh sb="6" eb="8">
      <t>カンシ</t>
    </rPh>
    <rPh sb="8" eb="10">
      <t>イド</t>
    </rPh>
    <rPh sb="10" eb="12">
      <t>ダイチョウ</t>
    </rPh>
    <phoneticPr fontId="0"/>
  </si>
  <si>
    <t>工場・事業場台帳（水質汚濁防止法）</t>
    <rPh sb="0" eb="2">
      <t>コウジョウ</t>
    </rPh>
    <rPh sb="3" eb="6">
      <t>ジギョウジョウ</t>
    </rPh>
    <rPh sb="6" eb="8">
      <t>ダイチョウ</t>
    </rPh>
    <rPh sb="9" eb="11">
      <t>スイシツ</t>
    </rPh>
    <rPh sb="11" eb="13">
      <t>オダク</t>
    </rPh>
    <rPh sb="13" eb="16">
      <t>ボウシホウ</t>
    </rPh>
    <phoneticPr fontId="0"/>
  </si>
  <si>
    <t>ＥＶ導入費補助金交付事務受付簿</t>
    <rPh sb="2" eb="4">
      <t>ドウニュウ</t>
    </rPh>
    <rPh sb="4" eb="5">
      <t>ヒ</t>
    </rPh>
    <rPh sb="5" eb="8">
      <t>ホジョキン</t>
    </rPh>
    <rPh sb="8" eb="10">
      <t>コウフ</t>
    </rPh>
    <rPh sb="10" eb="12">
      <t>ジム</t>
    </rPh>
    <rPh sb="12" eb="15">
      <t>ウケツケボ</t>
    </rPh>
    <phoneticPr fontId="0"/>
  </si>
  <si>
    <t>中小企業における経営の承継の円滑化に関する申請者情報</t>
    <rPh sb="21" eb="24">
      <t>シンセイシャ</t>
    </rPh>
    <rPh sb="24" eb="26">
      <t>ジョウホウ</t>
    </rPh>
    <phoneticPr fontId="0"/>
  </si>
  <si>
    <t>神奈川県中小企業・小規模企業経営課題等把握事業　アンケート調査票</t>
    <rPh sb="29" eb="31">
      <t>チョウサ</t>
    </rPh>
    <rPh sb="31" eb="32">
      <t>ヒョウ</t>
    </rPh>
    <phoneticPr fontId="0"/>
  </si>
  <si>
    <t>神奈川県新型コロナウイルス感染症拡大防止協力金申請者情報</t>
    <rPh sb="23" eb="26">
      <t>シンセイシャ</t>
    </rPh>
    <rPh sb="26" eb="28">
      <t>ジョウホウ</t>
    </rPh>
    <phoneticPr fontId="0"/>
  </si>
  <si>
    <r>
      <t>神奈川県新型コロナウイルス感染症拡大防止協力金（第２弾）申請者情報</t>
    </r>
    <r>
      <rPr>
        <sz val="11"/>
        <color theme="1"/>
        <rFont val="游ゴシック"/>
        <family val="2"/>
        <charset val="128"/>
      </rPr>
      <t/>
    </r>
    <rPh sb="24" eb="25">
      <t>ダイ</t>
    </rPh>
    <rPh sb="26" eb="27">
      <t>ダン</t>
    </rPh>
    <rPh sb="28" eb="31">
      <t>シンセイシャ</t>
    </rPh>
    <rPh sb="31" eb="33">
      <t>ジョウホウ</t>
    </rPh>
    <phoneticPr fontId="0"/>
  </si>
  <si>
    <r>
      <t>神奈川県中小企業・小規模企業再起促進事業費補助金申請者情報</t>
    </r>
    <r>
      <rPr>
        <sz val="11"/>
        <color theme="1"/>
        <rFont val="游ゴシック"/>
        <family val="2"/>
        <charset val="128"/>
      </rPr>
      <t/>
    </r>
    <rPh sb="24" eb="27">
      <t>シンセイシャ</t>
    </rPh>
    <rPh sb="27" eb="29">
      <t>ジョウホウ</t>
    </rPh>
    <phoneticPr fontId="0"/>
  </si>
  <si>
    <t>キャッシュレス・消費喚起事業キャンペーン利用者情報</t>
    <rPh sb="20" eb="23">
      <t>リヨウシャ</t>
    </rPh>
    <rPh sb="23" eb="25">
      <t>ジョウホウ</t>
    </rPh>
    <phoneticPr fontId="0"/>
  </si>
  <si>
    <t>キャッシュレス・消費喚起事業キャンペーン参加店舗情報</t>
    <rPh sb="24" eb="26">
      <t>ジョウホウ</t>
    </rPh>
    <phoneticPr fontId="0"/>
  </si>
  <si>
    <r>
      <t>令和３年度神奈川県中小企業・小規模企業感染症対策事業費補助金申請者情報</t>
    </r>
    <r>
      <rPr>
        <sz val="11"/>
        <color theme="1"/>
        <rFont val="游ゴシック"/>
        <family val="2"/>
        <charset val="128"/>
      </rPr>
      <t/>
    </r>
    <rPh sb="30" eb="33">
      <t>シンセイシャ</t>
    </rPh>
    <rPh sb="33" eb="35">
      <t>ジョウホウ</t>
    </rPh>
    <phoneticPr fontId="0"/>
  </si>
  <si>
    <t>神奈川県新型コロナウイルス感染症拡大防止協力金(飲食協力金）申請者情報</t>
    <rPh sb="33" eb="35">
      <t>ジョウホウ</t>
    </rPh>
    <phoneticPr fontId="0"/>
  </si>
  <si>
    <t>神奈川県酒類販売事業者支援給付金申請者情報</t>
    <rPh sb="16" eb="19">
      <t>シンセイシャ</t>
    </rPh>
    <rPh sb="19" eb="21">
      <t>ジョウホウ</t>
    </rPh>
    <phoneticPr fontId="0"/>
  </si>
  <si>
    <t>キャッシュレス・消費喚起事業（第２弾）キャンペーン利用者情報</t>
    <rPh sb="25" eb="28">
      <t>リヨウシャ</t>
    </rPh>
    <rPh sb="28" eb="30">
      <t>ジョウホウ</t>
    </rPh>
    <phoneticPr fontId="0"/>
  </si>
  <si>
    <t>技能検定受検者ファイル</t>
    <rPh sb="0" eb="2">
      <t>ギノウ</t>
    </rPh>
    <rPh sb="2" eb="4">
      <t>ケンテイ</t>
    </rPh>
    <rPh sb="4" eb="7">
      <t>ジュケンシャ</t>
    </rPh>
    <phoneticPr fontId="0"/>
  </si>
  <si>
    <t>職業訓練指導員免許台帳</t>
    <rPh sb="0" eb="7">
      <t>ショクギョウクンレンシドウイン</t>
    </rPh>
    <rPh sb="7" eb="9">
      <t>メンキョ</t>
    </rPh>
    <rPh sb="9" eb="11">
      <t>ダイチョウ</t>
    </rPh>
    <phoneticPr fontId="0"/>
  </si>
  <si>
    <t>電子入札に関する公共工事技術者等の情報及び入札参加資格登録申請者情報ファイル</t>
    <rPh sb="0" eb="2">
      <t>デンシ</t>
    </rPh>
    <rPh sb="2" eb="4">
      <t>ニュウサツ</t>
    </rPh>
    <rPh sb="5" eb="6">
      <t>カン</t>
    </rPh>
    <rPh sb="8" eb="10">
      <t>コウキョウ</t>
    </rPh>
    <rPh sb="10" eb="12">
      <t>コウジ</t>
    </rPh>
    <rPh sb="15" eb="16">
      <t>ナド</t>
    </rPh>
    <rPh sb="17" eb="19">
      <t>ジョウホウ</t>
    </rPh>
    <rPh sb="31" eb="32">
      <t>シャ</t>
    </rPh>
    <rPh sb="32" eb="34">
      <t>ジョウホウ</t>
    </rPh>
    <phoneticPr fontId="0"/>
  </si>
  <si>
    <t>小児慢性特定疾病医療費支給認定申請者及び受給者ファイル</t>
    <rPh sb="11" eb="13">
      <t>シキュウ</t>
    </rPh>
    <rPh sb="13" eb="15">
      <t>ニンテイ</t>
    </rPh>
    <rPh sb="15" eb="17">
      <t>シンセイ</t>
    </rPh>
    <rPh sb="17" eb="18">
      <t>シャ</t>
    </rPh>
    <rPh sb="18" eb="19">
      <t>オヨ</t>
    </rPh>
    <rPh sb="20" eb="23">
      <t>ジュキュウシャ</t>
    </rPh>
    <phoneticPr fontId="0"/>
  </si>
  <si>
    <t>かながわ児童相談所情報データベース</t>
    <rPh sb="4" eb="6">
      <t>ジドウ</t>
    </rPh>
    <rPh sb="6" eb="8">
      <t>ソウダン</t>
    </rPh>
    <rPh sb="8" eb="9">
      <t>ジョ</t>
    </rPh>
    <rPh sb="9" eb="11">
      <t>ジョウホウ</t>
    </rPh>
    <phoneticPr fontId="0"/>
  </si>
  <si>
    <t>福祉資金システム</t>
    <rPh sb="0" eb="2">
      <t>フクシ</t>
    </rPh>
    <rPh sb="2" eb="4">
      <t>シキン</t>
    </rPh>
    <phoneticPr fontId="0"/>
  </si>
  <si>
    <t>子育て世帯生活支援特別給付金（ひとり親世帯分）生活支援特別給付金受給者ファイル</t>
    <rPh sb="23" eb="25">
      <t>セイカツ</t>
    </rPh>
    <rPh sb="25" eb="27">
      <t>シエン</t>
    </rPh>
    <rPh sb="27" eb="29">
      <t>トクベツ</t>
    </rPh>
    <rPh sb="29" eb="32">
      <t>キュウフキン</t>
    </rPh>
    <rPh sb="32" eb="35">
      <t>ジュキュウシャ</t>
    </rPh>
    <phoneticPr fontId="0"/>
  </si>
  <si>
    <t>スポーツ功労者表彰推薦調書</t>
    <rPh sb="4" eb="7">
      <t>コウロウシャ</t>
    </rPh>
    <rPh sb="7" eb="9">
      <t>ヒョウショウ</t>
    </rPh>
    <rPh sb="9" eb="11">
      <t>スイセン</t>
    </rPh>
    <rPh sb="11" eb="13">
      <t>チョウショ</t>
    </rPh>
    <phoneticPr fontId="0"/>
  </si>
  <si>
    <t>優秀選手表彰推薦調書</t>
    <rPh sb="0" eb="2">
      <t>ユウシュウ</t>
    </rPh>
    <rPh sb="2" eb="4">
      <t>センシュ</t>
    </rPh>
    <rPh sb="4" eb="6">
      <t>ヒョウショウ</t>
    </rPh>
    <rPh sb="6" eb="8">
      <t>スイセン</t>
    </rPh>
    <rPh sb="8" eb="10">
      <t>チョウショ</t>
    </rPh>
    <phoneticPr fontId="0"/>
  </si>
  <si>
    <t>生涯スポーツ功労者及び生涯優良団体推薦調書</t>
    <rPh sb="0" eb="2">
      <t>ショウガイ</t>
    </rPh>
    <rPh sb="6" eb="9">
      <t>コウロウシャ</t>
    </rPh>
    <rPh sb="9" eb="10">
      <t>オヨ</t>
    </rPh>
    <rPh sb="11" eb="13">
      <t>ショウガイ</t>
    </rPh>
    <rPh sb="13" eb="15">
      <t>ユウリョウ</t>
    </rPh>
    <rPh sb="15" eb="17">
      <t>ダンタイ</t>
    </rPh>
    <rPh sb="17" eb="19">
      <t>スイセン</t>
    </rPh>
    <rPh sb="19" eb="21">
      <t>チョウショ</t>
    </rPh>
    <phoneticPr fontId="0"/>
  </si>
  <si>
    <t>診療報酬請求システム</t>
    <rPh sb="0" eb="2">
      <t>シンリョウ</t>
    </rPh>
    <rPh sb="2" eb="4">
      <t>ホウシュウ</t>
    </rPh>
    <rPh sb="4" eb="6">
      <t>セイキュウ</t>
    </rPh>
    <phoneticPr fontId="0"/>
  </si>
  <si>
    <t>神奈川県保健衛生表彰受賞者ファイル</t>
    <rPh sb="0" eb="4">
      <t>カナガワケン</t>
    </rPh>
    <rPh sb="4" eb="6">
      <t>ホケン</t>
    </rPh>
    <rPh sb="6" eb="8">
      <t>エイセイ</t>
    </rPh>
    <rPh sb="8" eb="10">
      <t>ヒョウショウ</t>
    </rPh>
    <rPh sb="10" eb="13">
      <t>ジュショウシャ</t>
    </rPh>
    <phoneticPr fontId="0"/>
  </si>
  <si>
    <t>調理師免許管理ファイル</t>
    <rPh sb="0" eb="3">
      <t>チョウリシ</t>
    </rPh>
    <rPh sb="3" eb="5">
      <t>メンキョ</t>
    </rPh>
    <phoneticPr fontId="0"/>
  </si>
  <si>
    <t>調理師業務従事者台帳</t>
    <rPh sb="0" eb="3">
      <t>チョウリシ</t>
    </rPh>
    <rPh sb="3" eb="5">
      <t>ギョウム</t>
    </rPh>
    <rPh sb="5" eb="8">
      <t>ジュウジシャ</t>
    </rPh>
    <rPh sb="8" eb="10">
      <t>ダイチョウ</t>
    </rPh>
    <phoneticPr fontId="0"/>
  </si>
  <si>
    <t>神奈川県優良衛生技能者表彰候補者台帳</t>
    <rPh sb="4" eb="6">
      <t>ユウリョウ</t>
    </rPh>
    <rPh sb="6" eb="8">
      <t>エイセイ</t>
    </rPh>
    <rPh sb="8" eb="10">
      <t>ギノウ</t>
    </rPh>
    <rPh sb="10" eb="11">
      <t>シャ</t>
    </rPh>
    <rPh sb="11" eb="13">
      <t>ヒョウショウ</t>
    </rPh>
    <rPh sb="13" eb="16">
      <t>コウホシャ</t>
    </rPh>
    <rPh sb="16" eb="18">
      <t>ダイチョウ</t>
    </rPh>
    <phoneticPr fontId="0"/>
  </si>
  <si>
    <t>神奈川県優良従業員表彰候補者台帳</t>
    <rPh sb="4" eb="6">
      <t>ユウリョウ</t>
    </rPh>
    <rPh sb="6" eb="9">
      <t>ジュウギョウイン</t>
    </rPh>
    <rPh sb="9" eb="11">
      <t>ヒョウショウ</t>
    </rPh>
    <rPh sb="11" eb="14">
      <t>コウホシャ</t>
    </rPh>
    <rPh sb="14" eb="16">
      <t>ダイチョウ</t>
    </rPh>
    <phoneticPr fontId="0"/>
  </si>
  <si>
    <t>製菓衛生師免許管理ファイル</t>
    <rPh sb="0" eb="5">
      <t>セイカエイセイシ</t>
    </rPh>
    <rPh sb="5" eb="7">
      <t>メンキョ</t>
    </rPh>
    <rPh sb="7" eb="9">
      <t>カンリ</t>
    </rPh>
    <phoneticPr fontId="0"/>
  </si>
  <si>
    <t>ふぐ包丁師免許管理ファイル</t>
    <rPh sb="2" eb="4">
      <t>ホウチョウ</t>
    </rPh>
    <rPh sb="4" eb="5">
      <t>シ</t>
    </rPh>
    <rPh sb="5" eb="7">
      <t>メンキョ</t>
    </rPh>
    <rPh sb="7" eb="9">
      <t>カンリ</t>
    </rPh>
    <phoneticPr fontId="0"/>
  </si>
  <si>
    <t>浄化槽台帳システム</t>
    <rPh sb="0" eb="3">
      <t>ジョウカソウ</t>
    </rPh>
    <rPh sb="3" eb="5">
      <t>ダイチョウ</t>
    </rPh>
    <phoneticPr fontId="0"/>
  </si>
  <si>
    <t>薬剤師免許申請者ファイル</t>
    <rPh sb="5" eb="7">
      <t>シンセイ</t>
    </rPh>
    <rPh sb="7" eb="8">
      <t>シャ</t>
    </rPh>
    <phoneticPr fontId="0"/>
  </si>
  <si>
    <t>薬事統合情報システム</t>
    <rPh sb="0" eb="2">
      <t>ヤクジ</t>
    </rPh>
    <rPh sb="2" eb="4">
      <t>トウゴウ</t>
    </rPh>
    <rPh sb="4" eb="6">
      <t>ジョウホウ</t>
    </rPh>
    <phoneticPr fontId="0"/>
  </si>
  <si>
    <t>平成27年度未病サポーター受講者ファイル</t>
    <rPh sb="0" eb="2">
      <t>ヘイセイ</t>
    </rPh>
    <rPh sb="4" eb="5">
      <t>ネン</t>
    </rPh>
    <rPh sb="5" eb="6">
      <t>ド</t>
    </rPh>
    <rPh sb="6" eb="8">
      <t>ミビョウ</t>
    </rPh>
    <rPh sb="13" eb="16">
      <t>ジュコウシャ</t>
    </rPh>
    <phoneticPr fontId="0"/>
  </si>
  <si>
    <t>平成28年度未病サポーター受講者ファイル</t>
    <rPh sb="0" eb="2">
      <t>ヘイセイ</t>
    </rPh>
    <rPh sb="4" eb="5">
      <t>ネン</t>
    </rPh>
    <rPh sb="5" eb="6">
      <t>ド</t>
    </rPh>
    <rPh sb="6" eb="8">
      <t>ミビョウ</t>
    </rPh>
    <rPh sb="13" eb="16">
      <t>ジュコウシャ</t>
    </rPh>
    <phoneticPr fontId="0"/>
  </si>
  <si>
    <t>平成29年度未病サポーター受講者ファイル</t>
    <rPh sb="0" eb="2">
      <t>ヘイセイ</t>
    </rPh>
    <rPh sb="4" eb="5">
      <t>ネン</t>
    </rPh>
    <rPh sb="5" eb="6">
      <t>ド</t>
    </rPh>
    <rPh sb="6" eb="8">
      <t>ミビョウ</t>
    </rPh>
    <rPh sb="13" eb="16">
      <t>ジュコウシャ</t>
    </rPh>
    <phoneticPr fontId="0"/>
  </si>
  <si>
    <t>平成30年度未病サポーター受講者ファイル</t>
    <rPh sb="0" eb="2">
      <t>ヘイセイ</t>
    </rPh>
    <rPh sb="4" eb="5">
      <t>ネン</t>
    </rPh>
    <rPh sb="5" eb="6">
      <t>ド</t>
    </rPh>
    <rPh sb="6" eb="8">
      <t>ミビョウ</t>
    </rPh>
    <rPh sb="13" eb="16">
      <t>ジュコウシャ</t>
    </rPh>
    <phoneticPr fontId="0"/>
  </si>
  <si>
    <t>卒業生台帳</t>
    <rPh sb="0" eb="3">
      <t>ソツギョウセイ</t>
    </rPh>
    <rPh sb="3" eb="5">
      <t>ダイチョウ</t>
    </rPh>
    <phoneticPr fontId="0"/>
  </si>
  <si>
    <t>技能講習受講者ファイル</t>
    <rPh sb="0" eb="2">
      <t>ギノウ</t>
    </rPh>
    <rPh sb="2" eb="4">
      <t>コウシュウ</t>
    </rPh>
    <rPh sb="4" eb="7">
      <t>ジュコウシャ</t>
    </rPh>
    <phoneticPr fontId="0"/>
  </si>
  <si>
    <t>叙勲候補者名簿</t>
    <rPh sb="0" eb="2">
      <t>ジョクン</t>
    </rPh>
    <rPh sb="2" eb="5">
      <t>コウホシャ</t>
    </rPh>
    <rPh sb="5" eb="7">
      <t>メイボ</t>
    </rPh>
    <phoneticPr fontId="0"/>
  </si>
  <si>
    <t>技能講習修了証交付台帳</t>
    <rPh sb="0" eb="2">
      <t>ギノウ</t>
    </rPh>
    <rPh sb="2" eb="4">
      <t>コウシュウ</t>
    </rPh>
    <rPh sb="4" eb="6">
      <t>シュウリョウ</t>
    </rPh>
    <rPh sb="6" eb="7">
      <t>ショウ</t>
    </rPh>
    <rPh sb="7" eb="9">
      <t>コウフ</t>
    </rPh>
    <rPh sb="9" eb="11">
      <t>ダイチョウ</t>
    </rPh>
    <phoneticPr fontId="0"/>
  </si>
  <si>
    <t>技術校生指導記録(技能向上訓練等用)</t>
    <rPh sb="0" eb="2">
      <t>ギジュツ</t>
    </rPh>
    <rPh sb="2" eb="3">
      <t>コウ</t>
    </rPh>
    <rPh sb="3" eb="4">
      <t>セイ</t>
    </rPh>
    <rPh sb="4" eb="6">
      <t>シドウ</t>
    </rPh>
    <rPh sb="6" eb="8">
      <t>キロク</t>
    </rPh>
    <rPh sb="9" eb="11">
      <t>ギノウ</t>
    </rPh>
    <rPh sb="11" eb="13">
      <t>コウジョウ</t>
    </rPh>
    <rPh sb="13" eb="15">
      <t>クンレン</t>
    </rPh>
    <rPh sb="15" eb="16">
      <t>トウ</t>
    </rPh>
    <rPh sb="16" eb="17">
      <t>ヨウ</t>
    </rPh>
    <phoneticPr fontId="0"/>
  </si>
  <si>
    <t>神奈川県貨物運送事業者燃料高騰対応支援金申請者情報</t>
    <rPh sb="0" eb="4">
      <t>カナガワケン</t>
    </rPh>
    <rPh sb="4" eb="11">
      <t>カモツウンソウジギョウシャ</t>
    </rPh>
    <rPh sb="11" eb="20">
      <t>ネンリョウコウトウタイオウシエンキン</t>
    </rPh>
    <rPh sb="20" eb="23">
      <t>シンセイシャ</t>
    </rPh>
    <rPh sb="23" eb="25">
      <t>ジョウホウ</t>
    </rPh>
    <phoneticPr fontId="0"/>
  </si>
  <si>
    <t>屋外広告業登録システム</t>
    <rPh sb="0" eb="2">
      <t>オクガイ</t>
    </rPh>
    <rPh sb="2" eb="4">
      <t>コウコク</t>
    </rPh>
    <rPh sb="4" eb="5">
      <t>ギョウ</t>
    </rPh>
    <rPh sb="5" eb="7">
      <t>トウロク</t>
    </rPh>
    <phoneticPr fontId="0"/>
  </si>
  <si>
    <t>公益社団法人全国スポーツ推進委員連合加入者名簿</t>
    <rPh sb="0" eb="2">
      <t>コウエキ</t>
    </rPh>
    <rPh sb="2" eb="4">
      <t>シャダン</t>
    </rPh>
    <rPh sb="4" eb="6">
      <t>ホウジン</t>
    </rPh>
    <rPh sb="6" eb="8">
      <t>ゼンコク</t>
    </rPh>
    <rPh sb="12" eb="14">
      <t>スイシン</t>
    </rPh>
    <rPh sb="14" eb="16">
      <t>イイン</t>
    </rPh>
    <rPh sb="16" eb="18">
      <t>レンゴウ</t>
    </rPh>
    <rPh sb="18" eb="20">
      <t>カニュウ</t>
    </rPh>
    <rPh sb="20" eb="21">
      <t>シャ</t>
    </rPh>
    <rPh sb="21" eb="23">
      <t>メイボ</t>
    </rPh>
    <phoneticPr fontId="0"/>
  </si>
  <si>
    <t>建設業許可情報ファイル</t>
    <rPh sb="0" eb="3">
      <t>ケンセツギョウ</t>
    </rPh>
    <rPh sb="3" eb="5">
      <t>キョカ</t>
    </rPh>
    <rPh sb="5" eb="7">
      <t>ジョウホウ</t>
    </rPh>
    <phoneticPr fontId="0"/>
  </si>
  <si>
    <t>調査員管理システム</t>
    <rPh sb="0" eb="2">
      <t>チョウサ</t>
    </rPh>
    <rPh sb="2" eb="3">
      <t>イン</t>
    </rPh>
    <rPh sb="3" eb="5">
      <t>カンリ</t>
    </rPh>
    <phoneticPr fontId="0"/>
  </si>
  <si>
    <t>介護員養成研修（旧訪問介護員養成研修・介護職員基礎研修）受講者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1">
      <t>ジュコウシャ</t>
    </rPh>
    <rPh sb="31" eb="33">
      <t>コジン</t>
    </rPh>
    <rPh sb="33" eb="35">
      <t>ジョウホウ</t>
    </rPh>
    <phoneticPr fontId="0"/>
  </si>
  <si>
    <t>産学公技術連携データベース 技術連携連絡、開発及び研究担当者名簿</t>
    <rPh sb="30" eb="32">
      <t>メイボ</t>
    </rPh>
    <phoneticPr fontId="0"/>
  </si>
  <si>
    <t>川崎技術支援部顧客管理名簿</t>
    <rPh sb="7" eb="9">
      <t>コキャク</t>
    </rPh>
    <rPh sb="9" eb="11">
      <t>カンリカワサキギジュツシエンブリヨウシャジョウホウテイキョウ</t>
    </rPh>
    <rPh sb="11" eb="13">
      <t>メイボ</t>
    </rPh>
    <phoneticPr fontId="0"/>
  </si>
  <si>
    <t>研究人材研修事業受講生リスト</t>
    <rPh sb="8" eb="11">
      <t>ジュコウセイカワサキギジュツシエンブリヨウシャジョウホウテイキョウ</t>
    </rPh>
    <phoneticPr fontId="0"/>
  </si>
  <si>
    <t>技術支援申込者一覧</t>
    <rPh sb="0" eb="2">
      <t>ギジュツ</t>
    </rPh>
    <rPh sb="2" eb="4">
      <t>シエン</t>
    </rPh>
    <rPh sb="4" eb="6">
      <t>モウシコミ</t>
    </rPh>
    <rPh sb="6" eb="7">
      <t>シャ</t>
    </rPh>
    <rPh sb="7" eb="9">
      <t>イチラン</t>
    </rPh>
    <phoneticPr fontId="0"/>
  </si>
  <si>
    <t>訟務管理システム</t>
    <rPh sb="0" eb="2">
      <t>ショウム</t>
    </rPh>
    <rPh sb="2" eb="4">
      <t>カンリ</t>
    </rPh>
    <phoneticPr fontId="0"/>
  </si>
  <si>
    <t>コロナ医療・福祉等応援基金寄附者一覧</t>
    <rPh sb="3" eb="5">
      <t>イリョウ</t>
    </rPh>
    <rPh sb="6" eb="13">
      <t>フクシトウオウエンキキン</t>
    </rPh>
    <rPh sb="13" eb="15">
      <t>キフ</t>
    </rPh>
    <rPh sb="15" eb="16">
      <t>シャ</t>
    </rPh>
    <rPh sb="16" eb="18">
      <t>イチラン</t>
    </rPh>
    <phoneticPr fontId="0"/>
  </si>
  <si>
    <t>マスク飲食実施店認証店一覧</t>
    <rPh sb="3" eb="5">
      <t>インショク</t>
    </rPh>
    <rPh sb="5" eb="7">
      <t>ジッシ</t>
    </rPh>
    <rPh sb="7" eb="8">
      <t>テン</t>
    </rPh>
    <rPh sb="8" eb="10">
      <t>ニンショウ</t>
    </rPh>
    <rPh sb="10" eb="11">
      <t>テン</t>
    </rPh>
    <rPh sb="11" eb="13">
      <t>イチラン</t>
    </rPh>
    <phoneticPr fontId="0"/>
  </si>
  <si>
    <t>コロナ禍における特定非営利活動法人に係る実態調査対象者一覧</t>
    <rPh sb="18" eb="19">
      <t>カカ</t>
    </rPh>
    <rPh sb="20" eb="22">
      <t>ジッタイ</t>
    </rPh>
    <rPh sb="22" eb="24">
      <t>チョウサ</t>
    </rPh>
    <rPh sb="24" eb="26">
      <t>タイショウ</t>
    </rPh>
    <rPh sb="26" eb="27">
      <t>シャ</t>
    </rPh>
    <rPh sb="27" eb="29">
      <t>イチラン</t>
    </rPh>
    <phoneticPr fontId="0"/>
  </si>
  <si>
    <t>介護員養成研修（旧訪問介護員養成研修・介護職員基礎研修）講師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コウシ</t>
    </rPh>
    <rPh sb="30" eb="32">
      <t>コジン</t>
    </rPh>
    <rPh sb="32" eb="34">
      <t>ジョウホウ</t>
    </rPh>
    <phoneticPr fontId="0"/>
  </si>
  <si>
    <t>介護員養成研修（旧訪問介護員養成研修・介護職員基礎研修）研修機関役員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ケンシュウ</t>
    </rPh>
    <rPh sb="30" eb="32">
      <t>キカン</t>
    </rPh>
    <rPh sb="32" eb="34">
      <t>ヤクイン</t>
    </rPh>
    <rPh sb="34" eb="36">
      <t>コジン</t>
    </rPh>
    <rPh sb="36" eb="38">
      <t>ジョウホウ</t>
    </rPh>
    <phoneticPr fontId="0"/>
  </si>
  <si>
    <t>統合宛名システム</t>
    <rPh sb="0" eb="2">
      <t>トウゴウ</t>
    </rPh>
    <rPh sb="2" eb="4">
      <t>アテナ</t>
    </rPh>
    <phoneticPr fontId="0"/>
  </si>
  <si>
    <t>寄附金税額控除に係る申告特例（ふるさと納税ワンストップ特例）ファイル</t>
    <rPh sb="0" eb="3">
      <t>キフキン</t>
    </rPh>
    <rPh sb="3" eb="5">
      <t>ゼイガク</t>
    </rPh>
    <rPh sb="5" eb="7">
      <t>コウジョ</t>
    </rPh>
    <rPh sb="8" eb="9">
      <t>カカ</t>
    </rPh>
    <rPh sb="10" eb="12">
      <t>シンコク</t>
    </rPh>
    <rPh sb="12" eb="14">
      <t>トクレイ</t>
    </rPh>
    <rPh sb="19" eb="21">
      <t>ノウゼイ</t>
    </rPh>
    <rPh sb="27" eb="29">
      <t>トクレイ</t>
    </rPh>
    <phoneticPr fontId="0"/>
  </si>
  <si>
    <t>ふるさと納税寄附情報管理システム</t>
    <rPh sb="4" eb="6">
      <t>ノウゼイ</t>
    </rPh>
    <rPh sb="6" eb="8">
      <t>キフ</t>
    </rPh>
    <rPh sb="8" eb="10">
      <t>ジョウホウ</t>
    </rPh>
    <rPh sb="10" eb="12">
      <t>カンリ</t>
    </rPh>
    <phoneticPr fontId="0"/>
  </si>
  <si>
    <t>免状交付台帳管理システム</t>
    <rPh sb="0" eb="2">
      <t>メンジョウ</t>
    </rPh>
    <rPh sb="2" eb="4">
      <t>コウフ</t>
    </rPh>
    <rPh sb="4" eb="6">
      <t>ダイチョウ</t>
    </rPh>
    <rPh sb="6" eb="8">
      <t>カンリ</t>
    </rPh>
    <phoneticPr fontId="0"/>
  </si>
  <si>
    <t>電気工事士試験合格者ファイル</t>
    <rPh sb="5" eb="7">
      <t>シケン</t>
    </rPh>
    <rPh sb="7" eb="10">
      <t>ゴウカクシャ</t>
    </rPh>
    <phoneticPr fontId="0"/>
  </si>
  <si>
    <t>高圧ガス関係試験合格者ファイル</t>
    <rPh sb="0" eb="2">
      <t>コウアツ</t>
    </rPh>
    <rPh sb="4" eb="6">
      <t>カンケイ</t>
    </rPh>
    <rPh sb="6" eb="8">
      <t>シケン</t>
    </rPh>
    <rPh sb="8" eb="11">
      <t>ゴウカクシャ</t>
    </rPh>
    <phoneticPr fontId="0"/>
  </si>
  <si>
    <t>液化石油ガス設備士合格者ファイル</t>
    <rPh sb="0" eb="2">
      <t>エキカ</t>
    </rPh>
    <rPh sb="2" eb="4">
      <t>セキユ</t>
    </rPh>
    <rPh sb="6" eb="9">
      <t>セツビシ</t>
    </rPh>
    <rPh sb="9" eb="12">
      <t>ゴウカクシャ</t>
    </rPh>
    <phoneticPr fontId="0"/>
  </si>
  <si>
    <t>電気工事業者台帳ファイル</t>
    <rPh sb="4" eb="5">
      <t>ギョウ</t>
    </rPh>
    <rPh sb="5" eb="6">
      <t>シャ</t>
    </rPh>
    <rPh sb="6" eb="8">
      <t>ダイチョウ</t>
    </rPh>
    <phoneticPr fontId="0"/>
  </si>
  <si>
    <t>全国通訳案内士登録ファイル</t>
    <rPh sb="0" eb="2">
      <t>ゼンコク</t>
    </rPh>
    <rPh sb="2" eb="4">
      <t>ツウヤク</t>
    </rPh>
    <rPh sb="4" eb="6">
      <t>アンナイ</t>
    </rPh>
    <rPh sb="6" eb="7">
      <t>シ</t>
    </rPh>
    <rPh sb="7" eb="9">
      <t>トウロク</t>
    </rPh>
    <phoneticPr fontId="0"/>
  </si>
  <si>
    <t>井戸台帳</t>
    <rPh sb="0" eb="2">
      <t>イド</t>
    </rPh>
    <rPh sb="2" eb="4">
      <t>ダイチョウ</t>
    </rPh>
    <phoneticPr fontId="0"/>
  </si>
  <si>
    <t>産業廃棄物情報管理システム</t>
    <rPh sb="0" eb="9">
      <t>サンギョウハイキブツジョウホウカンリ</t>
    </rPh>
    <phoneticPr fontId="0"/>
  </si>
  <si>
    <t>廃棄物自主管理計画等総合評価事業ファイル（提出リスト）、（様式1）、（様式2-5）、（県全体（政令市除く）収受整理票）</t>
    <rPh sb="0" eb="3">
      <t>ハイキブツ</t>
    </rPh>
    <rPh sb="7" eb="9">
      <t>ケイカク</t>
    </rPh>
    <rPh sb="9" eb="10">
      <t>トウ</t>
    </rPh>
    <rPh sb="10" eb="12">
      <t>ソウゴウ</t>
    </rPh>
    <rPh sb="12" eb="14">
      <t>ヒョウカ</t>
    </rPh>
    <rPh sb="14" eb="16">
      <t>ジギョウ</t>
    </rPh>
    <rPh sb="21" eb="23">
      <t>テイシュツ</t>
    </rPh>
    <rPh sb="29" eb="31">
      <t>ヨウシキ</t>
    </rPh>
    <rPh sb="43" eb="44">
      <t>ケン</t>
    </rPh>
    <rPh sb="44" eb="46">
      <t>ゼンタイ</t>
    </rPh>
    <rPh sb="47" eb="51">
      <t>セイレイシノゾ</t>
    </rPh>
    <rPh sb="53" eb="55">
      <t>シュウジュ</t>
    </rPh>
    <rPh sb="55" eb="57">
      <t>セイリ</t>
    </rPh>
    <rPh sb="57" eb="58">
      <t>ヒョウ</t>
    </rPh>
    <phoneticPr fontId="0"/>
  </si>
  <si>
    <t>かながわ環境整備センター情報管理システム</t>
    <rPh sb="4" eb="8">
      <t>カンキョウセイビ</t>
    </rPh>
    <rPh sb="12" eb="14">
      <t>ジョウホウ</t>
    </rPh>
    <rPh sb="14" eb="16">
      <t>カンリ</t>
    </rPh>
    <phoneticPr fontId="0"/>
  </si>
  <si>
    <t>自動車リサイクルシステム</t>
    <rPh sb="0" eb="3">
      <t>ジドウシャ</t>
    </rPh>
    <phoneticPr fontId="0"/>
  </si>
  <si>
    <t>狩猟者台帳</t>
    <rPh sb="0" eb="2">
      <t>シュリョウ</t>
    </rPh>
    <rPh sb="2" eb="3">
      <t>シャ</t>
    </rPh>
    <rPh sb="3" eb="5">
      <t>ダイチョウ</t>
    </rPh>
    <phoneticPr fontId="0"/>
  </si>
  <si>
    <t>自然保護奨励金事務システム</t>
    <rPh sb="0" eb="2">
      <t>シゼン</t>
    </rPh>
    <rPh sb="2" eb="7">
      <t>ホゴショウレイキン</t>
    </rPh>
    <rPh sb="7" eb="9">
      <t>ジム</t>
    </rPh>
    <phoneticPr fontId="0"/>
  </si>
  <si>
    <t>各種研修講座等受講申込者名簿</t>
    <rPh sb="7" eb="9">
      <t>ジュコウ</t>
    </rPh>
    <rPh sb="9" eb="11">
      <t>モウシコミ</t>
    </rPh>
    <rPh sb="11" eb="12">
      <t>シャ</t>
    </rPh>
    <rPh sb="12" eb="14">
      <t>メイボ</t>
    </rPh>
    <phoneticPr fontId="0"/>
  </si>
  <si>
    <t>相談者管理システム</t>
    <rPh sb="0" eb="3">
      <t>ソウダンシャ</t>
    </rPh>
    <rPh sb="3" eb="5">
      <t>カンリ</t>
    </rPh>
    <phoneticPr fontId="0"/>
  </si>
  <si>
    <t>身体障害者補装具費支給・判定申請者ファイル</t>
    <rPh sb="14" eb="17">
      <t>シンセイシャ</t>
    </rPh>
    <phoneticPr fontId="0"/>
  </si>
  <si>
    <t>身体障害者手帳交付管理システム</t>
    <rPh sb="9" eb="11">
      <t>カンリ</t>
    </rPh>
    <phoneticPr fontId="0"/>
  </si>
  <si>
    <t>療育判定業務システム</t>
    <rPh sb="0" eb="2">
      <t>リョウイク</t>
    </rPh>
    <rPh sb="2" eb="4">
      <t>ハンテイ</t>
    </rPh>
    <rPh sb="4" eb="6">
      <t>ギョウム</t>
    </rPh>
    <phoneticPr fontId="0"/>
  </si>
  <si>
    <t>患者カード</t>
    <rPh sb="0" eb="2">
      <t>カンジャ</t>
    </rPh>
    <phoneticPr fontId="0"/>
  </si>
  <si>
    <t>診療録</t>
    <rPh sb="0" eb="2">
      <t>シンリョウ</t>
    </rPh>
    <rPh sb="2" eb="3">
      <t>ロク</t>
    </rPh>
    <phoneticPr fontId="0"/>
  </si>
  <si>
    <t>被爆者一般疾病医療機関一覧ファイル</t>
    <rPh sb="0" eb="3">
      <t>ヒバクシャ</t>
    </rPh>
    <rPh sb="3" eb="5">
      <t>イッパン</t>
    </rPh>
    <rPh sb="5" eb="7">
      <t>シッペイ</t>
    </rPh>
    <rPh sb="7" eb="9">
      <t>イリョウ</t>
    </rPh>
    <rPh sb="9" eb="11">
      <t>キカン</t>
    </rPh>
    <rPh sb="11" eb="13">
      <t>イチラン</t>
    </rPh>
    <phoneticPr fontId="0"/>
  </si>
  <si>
    <t>生活保護総合情報システム</t>
    <rPh sb="0" eb="2">
      <t>セイカツ</t>
    </rPh>
    <rPh sb="2" eb="4">
      <t>ホゴ</t>
    </rPh>
    <rPh sb="4" eb="6">
      <t>ソウゴウ</t>
    </rPh>
    <rPh sb="6" eb="8">
      <t>ジョウホウ</t>
    </rPh>
    <phoneticPr fontId="0"/>
  </si>
  <si>
    <t>審査請求台帳</t>
    <rPh sb="0" eb="2">
      <t>シンサ</t>
    </rPh>
    <rPh sb="2" eb="4">
      <t>セイキュウ</t>
    </rPh>
    <rPh sb="4" eb="6">
      <t>ダイチョウ</t>
    </rPh>
    <phoneticPr fontId="0"/>
  </si>
  <si>
    <t>請求書等ファイル</t>
    <rPh sb="0" eb="3">
      <t>セイキュウショ</t>
    </rPh>
    <rPh sb="3" eb="4">
      <t>ナド</t>
    </rPh>
    <phoneticPr fontId="0"/>
  </si>
  <si>
    <t>障害者就業・生活支援センター事業生活支援等事業（湘南東部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ショウナン</t>
    </rPh>
    <rPh sb="26" eb="28">
      <t>トウブ</t>
    </rPh>
    <rPh sb="28" eb="30">
      <t>ケンイキ</t>
    </rPh>
    <rPh sb="31" eb="34">
      <t>トウロクシャ</t>
    </rPh>
    <rPh sb="34" eb="36">
      <t>ジョウホウ</t>
    </rPh>
    <phoneticPr fontId="0"/>
  </si>
  <si>
    <t>障害者就業・生活支援センター事業生活支援等事業（相模原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7">
      <t>サガミハラ</t>
    </rPh>
    <rPh sb="27" eb="29">
      <t>ケンイキ</t>
    </rPh>
    <rPh sb="30" eb="33">
      <t>トウロクシャ</t>
    </rPh>
    <rPh sb="33" eb="35">
      <t>ジョウホウ</t>
    </rPh>
    <phoneticPr fontId="0"/>
  </si>
  <si>
    <t>神奈川県がん情報</t>
    <rPh sb="0" eb="4">
      <t>カナガワケン</t>
    </rPh>
    <rPh sb="6" eb="8">
      <t>ジョウホウ</t>
    </rPh>
    <phoneticPr fontId="0"/>
  </si>
  <si>
    <t>神奈川県悪性新生物登録資料</t>
    <rPh sb="0" eb="4">
      <t>カナガワケン</t>
    </rPh>
    <rPh sb="4" eb="6">
      <t>アクセイ</t>
    </rPh>
    <rPh sb="6" eb="9">
      <t>シンセイブツ</t>
    </rPh>
    <rPh sb="9" eb="11">
      <t>トウロク</t>
    </rPh>
    <rPh sb="11" eb="13">
      <t>シリョウ</t>
    </rPh>
    <phoneticPr fontId="0"/>
  </si>
  <si>
    <t>ホームヘルパー養成研修受講者個人情報ファイル</t>
    <rPh sb="7" eb="9">
      <t>ヨウセイ</t>
    </rPh>
    <rPh sb="9" eb="11">
      <t>ケンシュウ</t>
    </rPh>
    <rPh sb="11" eb="14">
      <t>ジュコウシャ</t>
    </rPh>
    <rPh sb="14" eb="16">
      <t>コジン</t>
    </rPh>
    <rPh sb="16" eb="18">
      <t>ジョウホウ</t>
    </rPh>
    <phoneticPr fontId="0"/>
  </si>
  <si>
    <t>学校支援システム</t>
    <rPh sb="0" eb="2">
      <t>ガッコウ</t>
    </rPh>
    <rPh sb="2" eb="4">
      <t>シエン</t>
    </rPh>
    <phoneticPr fontId="0"/>
  </si>
  <si>
    <t>神奈川県看護師等修学資金貸付金管理システム</t>
    <rPh sb="0" eb="4">
      <t>カナガワケン</t>
    </rPh>
    <rPh sb="14" eb="15">
      <t>キン</t>
    </rPh>
    <rPh sb="15" eb="17">
      <t>カンリ</t>
    </rPh>
    <phoneticPr fontId="0"/>
  </si>
  <si>
    <t>医療法人台帳</t>
    <rPh sb="0" eb="2">
      <t>イリョウ</t>
    </rPh>
    <rPh sb="2" eb="4">
      <t>ホウジン</t>
    </rPh>
    <rPh sb="4" eb="6">
      <t>ダイチョウ</t>
    </rPh>
    <phoneticPr fontId="0"/>
  </si>
  <si>
    <t>医療職免許収受簿</t>
    <rPh sb="0" eb="2">
      <t>イリョウ</t>
    </rPh>
    <rPh sb="2" eb="3">
      <t>ショク</t>
    </rPh>
    <rPh sb="3" eb="5">
      <t>メンキョ</t>
    </rPh>
    <rPh sb="5" eb="7">
      <t>シュウジュ</t>
    </rPh>
    <rPh sb="7" eb="8">
      <t>ボ</t>
    </rPh>
    <phoneticPr fontId="0"/>
  </si>
  <si>
    <t>台帳管理システム栄養士免許データベース</t>
    <rPh sb="0" eb="2">
      <t>ダイチョウ</t>
    </rPh>
    <rPh sb="2" eb="4">
      <t>カンリ</t>
    </rPh>
    <rPh sb="8" eb="11">
      <t>エイヨウシ</t>
    </rPh>
    <rPh sb="11" eb="13">
      <t>メンキョ</t>
    </rPh>
    <phoneticPr fontId="0"/>
  </si>
  <si>
    <t>管理栄養士免許収受簿</t>
    <rPh sb="0" eb="2">
      <t>カンリ</t>
    </rPh>
    <rPh sb="2" eb="5">
      <t>エイヨウシ</t>
    </rPh>
    <rPh sb="5" eb="7">
      <t>メンキョ</t>
    </rPh>
    <rPh sb="7" eb="9">
      <t>シュウジュ</t>
    </rPh>
    <rPh sb="9" eb="10">
      <t>ボ</t>
    </rPh>
    <phoneticPr fontId="0"/>
  </si>
  <si>
    <t>台帳管理システム准看護師免許データベース</t>
    <rPh sb="0" eb="2">
      <t>ダイチョウ</t>
    </rPh>
    <rPh sb="2" eb="4">
      <t>カンリ</t>
    </rPh>
    <rPh sb="8" eb="12">
      <t>ジュンカンゴシ</t>
    </rPh>
    <rPh sb="12" eb="14">
      <t>メンキョ</t>
    </rPh>
    <phoneticPr fontId="0"/>
  </si>
  <si>
    <t>保健師、助産師、看護師免許収受簿</t>
    <rPh sb="0" eb="3">
      <t>ホケンシ</t>
    </rPh>
    <rPh sb="4" eb="7">
      <t>ジョサンシ</t>
    </rPh>
    <rPh sb="8" eb="11">
      <t>カンゴシ</t>
    </rPh>
    <rPh sb="11" eb="13">
      <t>メンキョ</t>
    </rPh>
    <rPh sb="13" eb="15">
      <t>シュウジュ</t>
    </rPh>
    <rPh sb="15" eb="16">
      <t>ボ</t>
    </rPh>
    <phoneticPr fontId="0"/>
  </si>
  <si>
    <t>授業料徴収整理簿</t>
    <rPh sb="0" eb="3">
      <t>ジュギョウリョウ</t>
    </rPh>
    <rPh sb="3" eb="5">
      <t>チョウシュウ</t>
    </rPh>
    <rPh sb="5" eb="7">
      <t>セイリ</t>
    </rPh>
    <rPh sb="7" eb="8">
      <t>ボ</t>
    </rPh>
    <phoneticPr fontId="0"/>
  </si>
  <si>
    <t>美容所台帳</t>
    <rPh sb="0" eb="2">
      <t>ビヨウ</t>
    </rPh>
    <rPh sb="2" eb="3">
      <t>ジョ</t>
    </rPh>
    <rPh sb="3" eb="5">
      <t>ダイチョウ</t>
    </rPh>
    <phoneticPr fontId="0"/>
  </si>
  <si>
    <t>精神障害者保健福祉手帳システム</t>
    <rPh sb="0" eb="2">
      <t>セイシン</t>
    </rPh>
    <rPh sb="2" eb="5">
      <t>ショウガイシャ</t>
    </rPh>
    <rPh sb="5" eb="7">
      <t>ホケン</t>
    </rPh>
    <rPh sb="7" eb="9">
      <t>フクシ</t>
    </rPh>
    <rPh sb="9" eb="11">
      <t>テチョウ</t>
    </rPh>
    <phoneticPr fontId="0"/>
  </si>
  <si>
    <t>台帳入出力システム</t>
    <rPh sb="0" eb="2">
      <t>ダイチョウ</t>
    </rPh>
    <rPh sb="2" eb="5">
      <t>ニュウシュツリョク</t>
    </rPh>
    <phoneticPr fontId="0"/>
  </si>
  <si>
    <t>県域受理台帳(医療保護入院者の入院届）</t>
    <rPh sb="7" eb="9">
      <t>イリョウ</t>
    </rPh>
    <rPh sb="9" eb="11">
      <t>ホゴ</t>
    </rPh>
    <rPh sb="11" eb="13">
      <t>ニュウイン</t>
    </rPh>
    <rPh sb="13" eb="14">
      <t>シャ</t>
    </rPh>
    <rPh sb="15" eb="17">
      <t>ニュウイン</t>
    </rPh>
    <rPh sb="17" eb="18">
      <t>トドケ</t>
    </rPh>
    <phoneticPr fontId="0"/>
  </si>
  <si>
    <t>県域受理台帳(医療保護入院者の退院届）</t>
    <rPh sb="7" eb="9">
      <t>イリョウ</t>
    </rPh>
    <rPh sb="9" eb="11">
      <t>ホゴ</t>
    </rPh>
    <rPh sb="11" eb="13">
      <t>ニュウイン</t>
    </rPh>
    <rPh sb="13" eb="14">
      <t>シャ</t>
    </rPh>
    <rPh sb="15" eb="17">
      <t>タイイン</t>
    </rPh>
    <rPh sb="17" eb="18">
      <t>トドケ</t>
    </rPh>
    <phoneticPr fontId="0"/>
  </si>
  <si>
    <t>県域受理台帳(医療保護入院者の定期病状報告書）</t>
    <rPh sb="7" eb="9">
      <t>イリョウ</t>
    </rPh>
    <rPh sb="9" eb="11">
      <t>ホゴ</t>
    </rPh>
    <rPh sb="11" eb="13">
      <t>ニュウイン</t>
    </rPh>
    <rPh sb="13" eb="14">
      <t>シャ</t>
    </rPh>
    <rPh sb="15" eb="17">
      <t>テイキ</t>
    </rPh>
    <rPh sb="17" eb="19">
      <t>ビョウジョウ</t>
    </rPh>
    <rPh sb="19" eb="22">
      <t>ホウコクショ</t>
    </rPh>
    <phoneticPr fontId="0"/>
  </si>
  <si>
    <t>証明書申込書</t>
    <rPh sb="0" eb="3">
      <t>ショウメイショ</t>
    </rPh>
    <rPh sb="3" eb="6">
      <t>モウシコミショ</t>
    </rPh>
    <phoneticPr fontId="0"/>
  </si>
  <si>
    <t>個人調書</t>
    <rPh sb="0" eb="2">
      <t>コジン</t>
    </rPh>
    <rPh sb="2" eb="4">
      <t>チョウショ</t>
    </rPh>
    <phoneticPr fontId="0"/>
  </si>
  <si>
    <t>卒業生名簿</t>
    <rPh sb="0" eb="2">
      <t>ソツギョウ</t>
    </rPh>
    <rPh sb="2" eb="3">
      <t>セイ</t>
    </rPh>
    <rPh sb="3" eb="5">
      <t>メイボ</t>
    </rPh>
    <phoneticPr fontId="0"/>
  </si>
  <si>
    <t>健康診断結果</t>
    <rPh sb="0" eb="2">
      <t>ケンコウ</t>
    </rPh>
    <rPh sb="2" eb="4">
      <t>シンダン</t>
    </rPh>
    <rPh sb="4" eb="6">
      <t>ケッカ</t>
    </rPh>
    <phoneticPr fontId="0"/>
  </si>
  <si>
    <t>結核患者一覧ファイル</t>
    <rPh sb="0" eb="2">
      <t>ケッカク</t>
    </rPh>
    <rPh sb="2" eb="4">
      <t>カンジャ</t>
    </rPh>
    <rPh sb="4" eb="6">
      <t>イチラン</t>
    </rPh>
    <phoneticPr fontId="0"/>
  </si>
  <si>
    <t>特定医療費（指定難病）支給認定申請者一覧ファイル</t>
    <rPh sb="0" eb="2">
      <t>トクテイ</t>
    </rPh>
    <rPh sb="2" eb="5">
      <t>イリョウヒ</t>
    </rPh>
    <rPh sb="6" eb="8">
      <t>シテイ</t>
    </rPh>
    <rPh sb="8" eb="10">
      <t>ナンビョウ</t>
    </rPh>
    <rPh sb="11" eb="13">
      <t>シキュウ</t>
    </rPh>
    <rPh sb="13" eb="15">
      <t>ニンテイ</t>
    </rPh>
    <rPh sb="15" eb="17">
      <t>シンセイ</t>
    </rPh>
    <rPh sb="17" eb="18">
      <t>シャ</t>
    </rPh>
    <rPh sb="18" eb="20">
      <t>イチラン</t>
    </rPh>
    <phoneticPr fontId="0"/>
  </si>
  <si>
    <t>美容所台帳</t>
    <rPh sb="0" eb="2">
      <t>ビヨウ</t>
    </rPh>
    <rPh sb="2" eb="3">
      <t>ジョ</t>
    </rPh>
    <rPh sb="3" eb="5">
      <t>ダイチョウ</t>
    </rPh>
    <phoneticPr fontId="0"/>
  </si>
  <si>
    <t>ガイドヘルパー養成研修受講者個人情報ファイル</t>
    <rPh sb="7" eb="9">
      <t>ヨウセイ</t>
    </rPh>
    <rPh sb="9" eb="11">
      <t>ケンシュウ</t>
    </rPh>
    <rPh sb="11" eb="14">
      <t>ジュコウシャ</t>
    </rPh>
    <rPh sb="14" eb="16">
      <t>コジン</t>
    </rPh>
    <rPh sb="16" eb="18">
      <t>ジョウホウ</t>
    </rPh>
    <phoneticPr fontId="0"/>
  </si>
  <si>
    <t>ガイドヘルパー養成研修講師個人情報ファイル</t>
    <rPh sb="7" eb="9">
      <t>ヨウセイ</t>
    </rPh>
    <rPh sb="9" eb="11">
      <t>ケンシュウ</t>
    </rPh>
    <rPh sb="11" eb="13">
      <t>コウシ</t>
    </rPh>
    <rPh sb="13" eb="15">
      <t>コジン</t>
    </rPh>
    <rPh sb="15" eb="17">
      <t>ジョウホウ</t>
    </rPh>
    <phoneticPr fontId="0"/>
  </si>
  <si>
    <t>ガイドヘルパー養成研修機関役員個人情報ファイル</t>
    <rPh sb="7" eb="9">
      <t>ヨウセイ</t>
    </rPh>
    <rPh sb="9" eb="11">
      <t>ケンシュウ</t>
    </rPh>
    <rPh sb="11" eb="13">
      <t>キカン</t>
    </rPh>
    <rPh sb="13" eb="15">
      <t>ヤクイン</t>
    </rPh>
    <rPh sb="15" eb="17">
      <t>コジン</t>
    </rPh>
    <rPh sb="17" eb="19">
      <t>ジョウホウ</t>
    </rPh>
    <phoneticPr fontId="0"/>
  </si>
  <si>
    <t>介護未経験者参入促進事業個人情報ファイル</t>
    <rPh sb="0" eb="2">
      <t>カイゴ</t>
    </rPh>
    <rPh sb="2" eb="5">
      <t>ミケイケン</t>
    </rPh>
    <rPh sb="5" eb="6">
      <t>シャ</t>
    </rPh>
    <rPh sb="6" eb="8">
      <t>サンニュウ</t>
    </rPh>
    <rPh sb="8" eb="10">
      <t>ソクシン</t>
    </rPh>
    <rPh sb="10" eb="12">
      <t>ジギョウ</t>
    </rPh>
    <rPh sb="12" eb="14">
      <t>コジン</t>
    </rPh>
    <rPh sb="14" eb="16">
      <t>ジョウホウ</t>
    </rPh>
    <phoneticPr fontId="0"/>
  </si>
  <si>
    <t>介護支援専門員実務研修受講試験受験者ファイル</t>
    <rPh sb="0" eb="2">
      <t>カイゴ</t>
    </rPh>
    <rPh sb="2" eb="4">
      <t>シエン</t>
    </rPh>
    <rPh sb="4" eb="7">
      <t>センモンイン</t>
    </rPh>
    <rPh sb="7" eb="9">
      <t>ジツム</t>
    </rPh>
    <rPh sb="9" eb="11">
      <t>ケンシュウ</t>
    </rPh>
    <rPh sb="11" eb="13">
      <t>ジュコウ</t>
    </rPh>
    <rPh sb="13" eb="15">
      <t>シケン</t>
    </rPh>
    <rPh sb="15" eb="18">
      <t>ジュケンシャ</t>
    </rPh>
    <phoneticPr fontId="0"/>
  </si>
  <si>
    <t>介護支援専門員実務研修受講者個人情報ファイル</t>
    <rPh sb="0" eb="2">
      <t>カイゴ</t>
    </rPh>
    <rPh sb="2" eb="4">
      <t>シエン</t>
    </rPh>
    <rPh sb="4" eb="7">
      <t>センモンイン</t>
    </rPh>
    <rPh sb="7" eb="9">
      <t>ジツム</t>
    </rPh>
    <rPh sb="9" eb="11">
      <t>ケンシュウ</t>
    </rPh>
    <rPh sb="11" eb="14">
      <t>ジュコウシャ</t>
    </rPh>
    <rPh sb="14" eb="16">
      <t>コジン</t>
    </rPh>
    <rPh sb="16" eb="18">
      <t>ジョウホウ</t>
    </rPh>
    <phoneticPr fontId="0"/>
  </si>
  <si>
    <t>かながわ福祉人材センター運営事務（求職者）</t>
    <rPh sb="4" eb="8">
      <t>フクシジンザイ</t>
    </rPh>
    <rPh sb="12" eb="14">
      <t>ウンエイ</t>
    </rPh>
    <rPh sb="14" eb="16">
      <t>ジム</t>
    </rPh>
    <phoneticPr fontId="0"/>
  </si>
  <si>
    <t>神奈川県介護福祉士等修学資金貸付年度別借受生綴り</t>
    <rPh sb="4" eb="6">
      <t>カイゴ</t>
    </rPh>
    <rPh sb="6" eb="9">
      <t>フクシシ</t>
    </rPh>
    <rPh sb="9" eb="10">
      <t>トウ</t>
    </rPh>
    <rPh sb="10" eb="12">
      <t>シュウガク</t>
    </rPh>
    <rPh sb="12" eb="14">
      <t>シキン</t>
    </rPh>
    <rPh sb="14" eb="16">
      <t>カシツケ</t>
    </rPh>
    <rPh sb="16" eb="18">
      <t>ネンド</t>
    </rPh>
    <rPh sb="18" eb="19">
      <t>ベツ</t>
    </rPh>
    <rPh sb="19" eb="21">
      <t>カリウケ</t>
    </rPh>
    <rPh sb="21" eb="22">
      <t>セイ</t>
    </rPh>
    <rPh sb="22" eb="23">
      <t>ツヅ</t>
    </rPh>
    <phoneticPr fontId="0"/>
  </si>
  <si>
    <t>民生委員・児童委員個人情報ファイル</t>
    <rPh sb="0" eb="2">
      <t>ミンセイ</t>
    </rPh>
    <rPh sb="2" eb="4">
      <t>イイン</t>
    </rPh>
    <rPh sb="5" eb="7">
      <t>ジドウ</t>
    </rPh>
    <rPh sb="7" eb="9">
      <t>イイン</t>
    </rPh>
    <rPh sb="9" eb="13">
      <t>コジンジョウホウ</t>
    </rPh>
    <phoneticPr fontId="0"/>
  </si>
  <si>
    <t>令和２年度神奈川県新型コロナウイルス感染症緊急包括支援事業（障害分）交付金受給者台帳</t>
    <rPh sb="37" eb="40">
      <t>ジュキュウシャ</t>
    </rPh>
    <rPh sb="40" eb="42">
      <t>ダイチョウ</t>
    </rPh>
    <phoneticPr fontId="0"/>
  </si>
  <si>
    <t>令和２年度神奈川県新型コロナウイルス感染症緊急包括支援事業（障害分）交付金暴力団照会用リスト</t>
    <rPh sb="37" eb="40">
      <t>ボウリョクダン</t>
    </rPh>
    <rPh sb="40" eb="42">
      <t>ショウカイ</t>
    </rPh>
    <rPh sb="42" eb="43">
      <t>ヨウ</t>
    </rPh>
    <phoneticPr fontId="0"/>
  </si>
  <si>
    <t>生徒健康診断結果</t>
    <rPh sb="0" eb="2">
      <t>セイト</t>
    </rPh>
    <rPh sb="2" eb="4">
      <t>ケンコウ</t>
    </rPh>
    <rPh sb="4" eb="6">
      <t>シンダン</t>
    </rPh>
    <rPh sb="6" eb="8">
      <t>ケッカ</t>
    </rPh>
    <phoneticPr fontId="0"/>
  </si>
  <si>
    <t>（特非）障害者雇用部会に委託した職業訓練受講者の個人情報ファイル</t>
    <rPh sb="1" eb="2">
      <t>トク</t>
    </rPh>
    <rPh sb="2" eb="3">
      <t>ヒ</t>
    </rPh>
    <rPh sb="4" eb="7">
      <t>ショウガイシャ</t>
    </rPh>
    <rPh sb="7" eb="9">
      <t>コヨウ</t>
    </rPh>
    <rPh sb="9" eb="11">
      <t>ブカイ</t>
    </rPh>
    <rPh sb="12" eb="14">
      <t>イタク</t>
    </rPh>
    <rPh sb="16" eb="18">
      <t>ショクギョウ</t>
    </rPh>
    <rPh sb="18" eb="20">
      <t>クンレン</t>
    </rPh>
    <rPh sb="20" eb="23">
      <t>ジュコウシャ</t>
    </rPh>
    <rPh sb="24" eb="26">
      <t>コジン</t>
    </rPh>
    <rPh sb="26" eb="28">
      <t>ジョウホウ</t>
    </rPh>
    <phoneticPr fontId="0"/>
  </si>
  <si>
    <t>（特非）障害者雇用部会以外の機関に委託した職業訓練の個人情報ファイル</t>
    <rPh sb="1" eb="2">
      <t>トク</t>
    </rPh>
    <rPh sb="2" eb="3">
      <t>ヒ</t>
    </rPh>
    <rPh sb="4" eb="7">
      <t>ショウガイシャ</t>
    </rPh>
    <rPh sb="7" eb="9">
      <t>コヨウ</t>
    </rPh>
    <rPh sb="9" eb="11">
      <t>ブカイ</t>
    </rPh>
    <rPh sb="11" eb="13">
      <t>イガイ</t>
    </rPh>
    <rPh sb="14" eb="16">
      <t>キカン</t>
    </rPh>
    <rPh sb="17" eb="19">
      <t>イタク</t>
    </rPh>
    <rPh sb="21" eb="23">
      <t>ショクギョウ</t>
    </rPh>
    <rPh sb="23" eb="25">
      <t>クンレン</t>
    </rPh>
    <rPh sb="26" eb="28">
      <t>コジン</t>
    </rPh>
    <rPh sb="28" eb="30">
      <t>ジョウホウ</t>
    </rPh>
    <phoneticPr fontId="0"/>
  </si>
  <si>
    <t>かながわ女性キャリアカウンセリング相談室利用者リスト</t>
    <rPh sb="4" eb="6">
      <t>ジョセイ</t>
    </rPh>
    <rPh sb="17" eb="20">
      <t>ソウダンシツ</t>
    </rPh>
    <rPh sb="20" eb="23">
      <t>リヨウシャ</t>
    </rPh>
    <phoneticPr fontId="0"/>
  </si>
  <si>
    <t>かながわ若者就職支援センターキャリアカウンセリング記録（R5年度から）</t>
    <rPh sb="4" eb="10">
      <t>ワカモノシュウショクシエン</t>
    </rPh>
    <rPh sb="25" eb="27">
      <t>キロク</t>
    </rPh>
    <rPh sb="30" eb="32">
      <t>ネンド</t>
    </rPh>
    <phoneticPr fontId="0"/>
  </si>
  <si>
    <t>シニア・ジョブスタイル・かながわキャリアカウンセリング利用者リスト（令和５年度から）</t>
    <rPh sb="27" eb="30">
      <t>リヨウシャ</t>
    </rPh>
    <rPh sb="34" eb="36">
      <t>レイワ</t>
    </rPh>
    <rPh sb="37" eb="39">
      <t>ネンド</t>
    </rPh>
    <phoneticPr fontId="0"/>
  </si>
  <si>
    <t>シニア・ジョブスタイル・かながわ利用者台帳</t>
    <rPh sb="16" eb="19">
      <t>リヨウシャ</t>
    </rPh>
    <rPh sb="19" eb="21">
      <t>ダイチョウ</t>
    </rPh>
    <phoneticPr fontId="0"/>
  </si>
  <si>
    <t>かながわ若者就職支援センター利用者登録リスト</t>
    <rPh sb="4" eb="10">
      <t>ワカモノシュウショクシエン</t>
    </rPh>
    <rPh sb="14" eb="17">
      <t>リヨウシャ</t>
    </rPh>
    <rPh sb="17" eb="19">
      <t>トウロク</t>
    </rPh>
    <phoneticPr fontId="0"/>
  </si>
  <si>
    <t>企業内福祉推進者名簿</t>
    <rPh sb="0" eb="8">
      <t>キギョウナイフクシスイシンシャ</t>
    </rPh>
    <rPh sb="8" eb="10">
      <t>メイボ</t>
    </rPh>
    <phoneticPr fontId="0"/>
  </si>
  <si>
    <t>新型コロナウィルスワクチン接種予約登録チェック表</t>
    <rPh sb="0" eb="2">
      <t>シンガタ</t>
    </rPh>
    <rPh sb="13" eb="15">
      <t>セッシュ</t>
    </rPh>
    <rPh sb="15" eb="17">
      <t>ヨヤク</t>
    </rPh>
    <rPh sb="17" eb="19">
      <t>トウロク</t>
    </rPh>
    <rPh sb="23" eb="24">
      <t>ヒョウ</t>
    </rPh>
    <phoneticPr fontId="0"/>
  </si>
  <si>
    <t>建築行政共用データベース</t>
    <rPh sb="0" eb="6">
      <t>ケンチクギョウセイキョウヨウ</t>
    </rPh>
    <phoneticPr fontId="0"/>
  </si>
  <si>
    <t>報酬、料金、契約金及び賞金の支払調書提出ファイル</t>
    <rPh sb="0" eb="2">
      <t>ホウシュウ</t>
    </rPh>
    <rPh sb="3" eb="5">
      <t>リョウキン</t>
    </rPh>
    <rPh sb="6" eb="9">
      <t>ケイヤクキン</t>
    </rPh>
    <rPh sb="9" eb="10">
      <t>オヨ</t>
    </rPh>
    <rPh sb="11" eb="13">
      <t>ショウキン</t>
    </rPh>
    <rPh sb="14" eb="16">
      <t>シハライ</t>
    </rPh>
    <rPh sb="16" eb="18">
      <t>チョウショ</t>
    </rPh>
    <rPh sb="18" eb="20">
      <t>テイシュツ</t>
    </rPh>
    <phoneticPr fontId="0"/>
  </si>
  <si>
    <t>不動産の使用料等の支払調書等提出ファイル</t>
    <rPh sb="0" eb="3">
      <t>フドウサン</t>
    </rPh>
    <rPh sb="4" eb="7">
      <t>シヨウリョウ</t>
    </rPh>
    <rPh sb="7" eb="8">
      <t>トウ</t>
    </rPh>
    <rPh sb="9" eb="11">
      <t>シハライ</t>
    </rPh>
    <rPh sb="11" eb="13">
      <t>チョウショ</t>
    </rPh>
    <rPh sb="13" eb="14">
      <t>トウ</t>
    </rPh>
    <rPh sb="14" eb="16">
      <t>テイシュツ</t>
    </rPh>
    <phoneticPr fontId="0"/>
  </si>
  <si>
    <t>神奈川県指定難病特定医療費等管理システム</t>
    <rPh sb="0" eb="4">
      <t>カナガワケン</t>
    </rPh>
    <rPh sb="4" eb="6">
      <t>シテイ</t>
    </rPh>
    <rPh sb="6" eb="8">
      <t>ナンビョウ</t>
    </rPh>
    <rPh sb="8" eb="10">
      <t>トクテイ</t>
    </rPh>
    <rPh sb="10" eb="13">
      <t>イリョウヒ</t>
    </rPh>
    <rPh sb="13" eb="14">
      <t>トウ</t>
    </rPh>
    <rPh sb="14" eb="16">
      <t>カンリ</t>
    </rPh>
    <phoneticPr fontId="0"/>
  </si>
  <si>
    <t>責任技術者台帳、配管技能者台帳</t>
    <rPh sb="0" eb="2">
      <t>セキニン</t>
    </rPh>
    <rPh sb="2" eb="5">
      <t>ギジュツシャ</t>
    </rPh>
    <rPh sb="5" eb="7">
      <t>ダイチョウ</t>
    </rPh>
    <rPh sb="8" eb="10">
      <t>ハイカン</t>
    </rPh>
    <rPh sb="10" eb="13">
      <t>ギノウシャ</t>
    </rPh>
    <rPh sb="13" eb="15">
      <t>ダイチョウ</t>
    </rPh>
    <phoneticPr fontId="0"/>
  </si>
  <si>
    <t>受水槽管理システム</t>
    <rPh sb="0" eb="3">
      <t>ジュスイソウ</t>
    </rPh>
    <phoneticPr fontId="0"/>
  </si>
  <si>
    <t>鉛管使用状況管理システム</t>
    <rPh sb="0" eb="2">
      <t>エンカン</t>
    </rPh>
    <rPh sb="2" eb="4">
      <t>シヨウ</t>
    </rPh>
    <rPh sb="4" eb="6">
      <t>ジョウキョウ</t>
    </rPh>
    <rPh sb="6" eb="8">
      <t>カンリ</t>
    </rPh>
    <phoneticPr fontId="0"/>
  </si>
  <si>
    <t>管路情報図閲覧システム</t>
    <rPh sb="0" eb="2">
      <t>カンロ</t>
    </rPh>
    <rPh sb="2" eb="4">
      <t>ジョウホウ</t>
    </rPh>
    <rPh sb="4" eb="5">
      <t>ズ</t>
    </rPh>
    <rPh sb="5" eb="7">
      <t>エツラン</t>
    </rPh>
    <phoneticPr fontId="0"/>
  </si>
  <si>
    <t>耐震形ﾀﾞｸﾀｲﾙ鋳鉄管接合講習会受講者台帳</t>
    <rPh sb="0" eb="2">
      <t>タイシン</t>
    </rPh>
    <rPh sb="2" eb="3">
      <t>カタ</t>
    </rPh>
    <rPh sb="8" eb="11">
      <t>チュウテツカン</t>
    </rPh>
    <rPh sb="11" eb="13">
      <t>セツゴウ</t>
    </rPh>
    <rPh sb="13" eb="16">
      <t>コウシュウカイ</t>
    </rPh>
    <rPh sb="16" eb="19">
      <t>ジュコウシャ</t>
    </rPh>
    <rPh sb="19" eb="21">
      <t>ダイチョウ</t>
    </rPh>
    <phoneticPr fontId="0"/>
  </si>
  <si>
    <t>銃砲刀剣類所有者変更届出書</t>
    <rPh sb="0" eb="5">
      <t>ジュウホウトウケンルイ</t>
    </rPh>
    <rPh sb="5" eb="8">
      <t>ショユウシャ</t>
    </rPh>
    <rPh sb="8" eb="10">
      <t>ヘンコウ</t>
    </rPh>
    <rPh sb="10" eb="13">
      <t>トドケデショ</t>
    </rPh>
    <phoneticPr fontId="0"/>
  </si>
  <si>
    <t>図書館情報ネットワークシステム</t>
    <rPh sb="0" eb="5">
      <t>トショカンジョウホウ</t>
    </rPh>
    <phoneticPr fontId="0"/>
  </si>
  <si>
    <t>銃砲刀剣類登録原票</t>
    <rPh sb="0" eb="5">
      <t>ジュウホウトウケンルイ</t>
    </rPh>
    <rPh sb="5" eb="7">
      <t>トウロク</t>
    </rPh>
    <rPh sb="7" eb="9">
      <t>ゲンピョウ</t>
    </rPh>
    <phoneticPr fontId="0"/>
  </si>
  <si>
    <t>上下水道料金管理システム</t>
    <rPh sb="0" eb="2">
      <t>ジョウゲ</t>
    </rPh>
    <rPh sb="2" eb="4">
      <t>スイドウ</t>
    </rPh>
    <rPh sb="4" eb="6">
      <t>リョウキン</t>
    </rPh>
    <rPh sb="6" eb="8">
      <t>カンリ</t>
    </rPh>
    <phoneticPr fontId="0"/>
  </si>
  <si>
    <t>源泉徴収票及び給与支払報告書提出ファイル</t>
    <rPh sb="0" eb="4">
      <t>ゲンセンチョウシュウ</t>
    </rPh>
    <rPh sb="4" eb="5">
      <t>ヒョウ</t>
    </rPh>
    <rPh sb="5" eb="6">
      <t>オヨ</t>
    </rPh>
    <rPh sb="7" eb="9">
      <t>キュウヨ</t>
    </rPh>
    <rPh sb="9" eb="11">
      <t>シハライ</t>
    </rPh>
    <rPh sb="11" eb="14">
      <t>ホウコクショ</t>
    </rPh>
    <rPh sb="14" eb="16">
      <t>テイシュツ</t>
    </rPh>
    <phoneticPr fontId="0"/>
  </si>
  <si>
    <t>随意契約情報公表データ</t>
    <rPh sb="0" eb="2">
      <t>ズイイ</t>
    </rPh>
    <rPh sb="2" eb="4">
      <t>ケイヤク</t>
    </rPh>
    <rPh sb="4" eb="6">
      <t>ジョウホウ</t>
    </rPh>
    <rPh sb="6" eb="8">
      <t>コウヒョウ</t>
    </rPh>
    <phoneticPr fontId="0"/>
  </si>
  <si>
    <t>獣医療法第３条に基づく届出の受理事務に係る飼育動物診療施設の届出事項一覧</t>
    <rPh sb="0" eb="2">
      <t>ジュウイ</t>
    </rPh>
    <rPh sb="2" eb="4">
      <t>リョウホウ</t>
    </rPh>
    <rPh sb="4" eb="5">
      <t>ダイ</t>
    </rPh>
    <rPh sb="6" eb="7">
      <t>ジョウ</t>
    </rPh>
    <rPh sb="8" eb="9">
      <t>モト</t>
    </rPh>
    <rPh sb="11" eb="12">
      <t>トド</t>
    </rPh>
    <rPh sb="12" eb="13">
      <t>デ</t>
    </rPh>
    <rPh sb="14" eb="16">
      <t>ジュリ</t>
    </rPh>
    <rPh sb="16" eb="18">
      <t>ジム</t>
    </rPh>
    <rPh sb="19" eb="20">
      <t>カカ</t>
    </rPh>
    <rPh sb="21" eb="29">
      <t>シイクドウブツシンリョウシセツ</t>
    </rPh>
    <rPh sb="30" eb="31">
      <t>トド</t>
    </rPh>
    <rPh sb="31" eb="32">
      <t>デ</t>
    </rPh>
    <rPh sb="32" eb="34">
      <t>ジコウ</t>
    </rPh>
    <rPh sb="34" eb="36">
      <t>イチラン</t>
    </rPh>
    <phoneticPr fontId="0"/>
  </si>
  <si>
    <t>肢体不自由児施設及び重症心身障害児施設入所台帳</t>
    <rPh sb="0" eb="2">
      <t>シタイ</t>
    </rPh>
    <rPh sb="2" eb="5">
      <t>フジユウ</t>
    </rPh>
    <rPh sb="5" eb="6">
      <t>ジ</t>
    </rPh>
    <rPh sb="6" eb="8">
      <t>シセツ</t>
    </rPh>
    <rPh sb="8" eb="9">
      <t>オヨ</t>
    </rPh>
    <rPh sb="10" eb="19">
      <t>ジュウショウシンシンショウガイジシセツ</t>
    </rPh>
    <rPh sb="19" eb="21">
      <t>ニュウショ</t>
    </rPh>
    <rPh sb="21" eb="23">
      <t>ダイチョウ</t>
    </rPh>
    <phoneticPr fontId="0"/>
  </si>
  <si>
    <t>自立支援医療費システム</t>
    <rPh sb="0" eb="2">
      <t>ジリツ</t>
    </rPh>
    <rPh sb="2" eb="4">
      <t>シエン</t>
    </rPh>
    <rPh sb="4" eb="7">
      <t>イリョウヒ</t>
    </rPh>
    <phoneticPr fontId="0"/>
  </si>
  <si>
    <t>新型コロナウイルス感染症陽性者一覧ファイル</t>
    <rPh sb="0" eb="2">
      <t>シンガタ</t>
    </rPh>
    <rPh sb="9" eb="12">
      <t>カンセンショウ</t>
    </rPh>
    <rPh sb="12" eb="14">
      <t>ヨウセイ</t>
    </rPh>
    <rPh sb="14" eb="15">
      <t>シャ</t>
    </rPh>
    <rPh sb="15" eb="17">
      <t>イチラン</t>
    </rPh>
    <phoneticPr fontId="0"/>
  </si>
  <si>
    <t>施術所等名簿</t>
    <rPh sb="0" eb="2">
      <t>セジュツ</t>
    </rPh>
    <rPh sb="2" eb="3">
      <t>ショ</t>
    </rPh>
    <rPh sb="3" eb="4">
      <t>ナド</t>
    </rPh>
    <rPh sb="4" eb="6">
      <t>メイボ</t>
    </rPh>
    <phoneticPr fontId="0"/>
  </si>
  <si>
    <t>美容所台帳</t>
    <rPh sb="0" eb="2">
      <t>ビヨウ</t>
    </rPh>
    <rPh sb="2" eb="3">
      <t>ジョ</t>
    </rPh>
    <rPh sb="3" eb="5">
      <t>ダイチョウ</t>
    </rPh>
    <phoneticPr fontId="0"/>
  </si>
  <si>
    <t>調理師試験受験者台帳</t>
    <rPh sb="0" eb="3">
      <t>チョウリシ</t>
    </rPh>
    <rPh sb="3" eb="5">
      <t>シケン</t>
    </rPh>
    <rPh sb="5" eb="8">
      <t>ジュケンシャ</t>
    </rPh>
    <rPh sb="8" eb="10">
      <t>ダイチョウ</t>
    </rPh>
    <phoneticPr fontId="0"/>
  </si>
  <si>
    <t>電子カルテシステム・オーダリングシステム（HOPE-EGMAIN-GX）</t>
    <rPh sb="0" eb="2">
      <t>デンシ</t>
    </rPh>
    <phoneticPr fontId="0"/>
  </si>
  <si>
    <t>電子カルテシステム（HOPE／EGMAIN-GX）</t>
    <rPh sb="0" eb="2">
      <t>デンシ</t>
    </rPh>
    <phoneticPr fontId="0"/>
  </si>
  <si>
    <t>電子カルテシステム(医事オーダーリングシステム、医事システム）</t>
    <rPh sb="0" eb="2">
      <t>デンシ</t>
    </rPh>
    <rPh sb="10" eb="12">
      <t>イジ</t>
    </rPh>
    <rPh sb="24" eb="26">
      <t>イジ</t>
    </rPh>
    <phoneticPr fontId="0"/>
  </si>
  <si>
    <t>同窓会名簿</t>
    <rPh sb="0" eb="5">
      <t>ドウソウカイメイボ</t>
    </rPh>
    <phoneticPr fontId="0"/>
  </si>
  <si>
    <t>廃校となった訓練校等の在籍者ファイル</t>
    <rPh sb="0" eb="2">
      <t>ハイコウ</t>
    </rPh>
    <rPh sb="6" eb="9">
      <t>クンレンコウ</t>
    </rPh>
    <rPh sb="9" eb="10">
      <t>トウ</t>
    </rPh>
    <rPh sb="11" eb="14">
      <t>ザイセキシャ</t>
    </rPh>
    <phoneticPr fontId="0"/>
  </si>
  <si>
    <t>委託訓練事業管理システム台帳管理（業務コード　128）</t>
    <rPh sb="0" eb="2">
      <t>イタク</t>
    </rPh>
    <rPh sb="2" eb="4">
      <t>クンレン</t>
    </rPh>
    <rPh sb="4" eb="6">
      <t>ジギョウ</t>
    </rPh>
    <rPh sb="6" eb="8">
      <t>カンリ</t>
    </rPh>
    <rPh sb="12" eb="14">
      <t>ダイチョウ</t>
    </rPh>
    <rPh sb="14" eb="16">
      <t>カンリ</t>
    </rPh>
    <rPh sb="17" eb="19">
      <t>ギョウム</t>
    </rPh>
    <phoneticPr fontId="0"/>
  </si>
  <si>
    <t>卒業生の就職先情報</t>
    <rPh sb="0" eb="2">
      <t>ソツギョウ</t>
    </rPh>
    <rPh sb="2" eb="3">
      <t>セイ</t>
    </rPh>
    <rPh sb="4" eb="6">
      <t>シュウショク</t>
    </rPh>
    <rPh sb="6" eb="7">
      <t>サキ</t>
    </rPh>
    <rPh sb="7" eb="9">
      <t>ジョウホウ</t>
    </rPh>
    <phoneticPr fontId="0"/>
  </si>
  <si>
    <t>卒業生名簿</t>
    <rPh sb="0" eb="3">
      <t>ソツギョウセイ</t>
    </rPh>
    <rPh sb="3" eb="5">
      <t>メイボ</t>
    </rPh>
    <phoneticPr fontId="0"/>
  </si>
  <si>
    <t>修了生等の個人情報ファイル</t>
    <rPh sb="0" eb="3">
      <t>シュウリョウセイ</t>
    </rPh>
    <rPh sb="3" eb="4">
      <t>トウ</t>
    </rPh>
    <rPh sb="5" eb="7">
      <t>コジン</t>
    </rPh>
    <rPh sb="7" eb="9">
      <t>ジョウホウ</t>
    </rPh>
    <phoneticPr fontId="0"/>
  </si>
  <si>
    <t>来所による教育相談一覧</t>
    <rPh sb="0" eb="2">
      <t>ライショ</t>
    </rPh>
    <rPh sb="5" eb="7">
      <t>キョウイク</t>
    </rPh>
    <rPh sb="7" eb="9">
      <t>ソウダン</t>
    </rPh>
    <rPh sb="9" eb="11">
      <t>イチラン</t>
    </rPh>
    <phoneticPr fontId="0"/>
  </si>
  <si>
    <t>神奈川県心身障害者扶養共済制度管理台帳</t>
    <rPh sb="3" eb="4">
      <t>ケン</t>
    </rPh>
    <rPh sb="4" eb="15">
      <t>シンシンショウガイシャフヨウキョウサイセイド</t>
    </rPh>
    <rPh sb="15" eb="17">
      <t>カンリ</t>
    </rPh>
    <rPh sb="17" eb="19">
      <t>ダイチョウ</t>
    </rPh>
    <phoneticPr fontId="0"/>
  </si>
  <si>
    <t>納税功労者受賞者データ（知事表彰）</t>
    <rPh sb="0" eb="2">
      <t>ノウゼイ</t>
    </rPh>
    <rPh sb="2" eb="4">
      <t>コウロウ</t>
    </rPh>
    <rPh sb="4" eb="5">
      <t>シャ</t>
    </rPh>
    <rPh sb="5" eb="8">
      <t>ジュショウシャ</t>
    </rPh>
    <rPh sb="12" eb="14">
      <t>チジ</t>
    </rPh>
    <rPh sb="14" eb="16">
      <t>ヒョウショウ</t>
    </rPh>
    <phoneticPr fontId="0"/>
  </si>
  <si>
    <t>ねんりんピックかながわ2022大会参加申込者ファイル</t>
    <rPh sb="21" eb="22">
      <t>シャ</t>
    </rPh>
    <phoneticPr fontId="0"/>
  </si>
  <si>
    <t>神奈川県地域公共交通事業者支援金交付業務に関するファイル</t>
    <rPh sb="4" eb="10">
      <t>チイキコウキョウコウツウ</t>
    </rPh>
    <rPh sb="13" eb="16">
      <t>シエンキン</t>
    </rPh>
    <rPh sb="16" eb="18">
      <t>コウフ</t>
    </rPh>
    <rPh sb="18" eb="20">
      <t>ギョウム</t>
    </rPh>
    <rPh sb="21" eb="22">
      <t>カン</t>
    </rPh>
    <phoneticPr fontId="0"/>
  </si>
  <si>
    <t>長期優良住宅認定等申請処理台帳</t>
    <rPh sb="0" eb="2">
      <t>チョウキ</t>
    </rPh>
    <rPh sb="2" eb="4">
      <t>ユウリョウ</t>
    </rPh>
    <rPh sb="4" eb="6">
      <t>ジュウタク</t>
    </rPh>
    <rPh sb="6" eb="8">
      <t>ニンテイ</t>
    </rPh>
    <rPh sb="8" eb="9">
      <t>トウ</t>
    </rPh>
    <rPh sb="9" eb="11">
      <t>シンセイ</t>
    </rPh>
    <rPh sb="11" eb="13">
      <t>ショリ</t>
    </rPh>
    <rPh sb="13" eb="15">
      <t>ダイチョウ</t>
    </rPh>
    <phoneticPr fontId="0"/>
  </si>
  <si>
    <t>屋外広告物講習会修了者ファイル</t>
    <rPh sb="0" eb="2">
      <t>オクガイ</t>
    </rPh>
    <rPh sb="2" eb="4">
      <t>コウコク</t>
    </rPh>
    <rPh sb="4" eb="5">
      <t>ブツ</t>
    </rPh>
    <rPh sb="5" eb="8">
      <t>コウシュウカイ</t>
    </rPh>
    <rPh sb="8" eb="10">
      <t>シュウリョウ</t>
    </rPh>
    <rPh sb="10" eb="11">
      <t>シャ</t>
    </rPh>
    <phoneticPr fontId="0"/>
  </si>
  <si>
    <t>県立中等教育学校ＷＥＢ出願システム</t>
    <rPh sb="0" eb="2">
      <t>ケンリツ</t>
    </rPh>
    <rPh sb="2" eb="4">
      <t>チュウトウ</t>
    </rPh>
    <rPh sb="4" eb="6">
      <t>キョウイク</t>
    </rPh>
    <rPh sb="6" eb="8">
      <t>ガッコウ</t>
    </rPh>
    <rPh sb="11" eb="13">
      <t>シュツガン</t>
    </rPh>
    <phoneticPr fontId="0"/>
  </si>
  <si>
    <t>改良普及員資格試験合格者名簿</t>
    <rPh sb="12" eb="14">
      <t>メイボ</t>
    </rPh>
    <phoneticPr fontId="0"/>
  </si>
  <si>
    <t>水源林管理台帳システム</t>
    <rPh sb="0" eb="3">
      <t>スイゲンリン</t>
    </rPh>
    <rPh sb="3" eb="5">
      <t>カンリ</t>
    </rPh>
    <rPh sb="5" eb="7">
      <t>ダイチョウ</t>
    </rPh>
    <phoneticPr fontId="0"/>
  </si>
  <si>
    <t>就学予定児童生徒名簿</t>
    <rPh sb="0" eb="10">
      <t>シュウガクヨテイジドウセイトメイボ</t>
    </rPh>
    <phoneticPr fontId="0"/>
  </si>
  <si>
    <t>就学事務基礎データ</t>
    <rPh sb="4" eb="6">
      <t>キソ</t>
    </rPh>
    <phoneticPr fontId="0"/>
  </si>
  <si>
    <t>特別支援教育就学奨励費システム</t>
    <rPh sb="0" eb="11">
      <t>トクベツシエンキョウイクシュウガクショウレイヒ</t>
    </rPh>
    <phoneticPr fontId="0"/>
  </si>
  <si>
    <t>認定特定行為業務従事者名簿</t>
    <rPh sb="0" eb="2">
      <t>ニンテイ</t>
    </rPh>
    <rPh sb="2" eb="4">
      <t>トクテイ</t>
    </rPh>
    <rPh sb="4" eb="6">
      <t>コウイ</t>
    </rPh>
    <rPh sb="6" eb="8">
      <t>ギョウム</t>
    </rPh>
    <rPh sb="8" eb="11">
      <t>ジュウジシャ</t>
    </rPh>
    <rPh sb="11" eb="13">
      <t>メイボ</t>
    </rPh>
    <phoneticPr fontId="0"/>
  </si>
  <si>
    <t>獣医師法第22条に基づく届出経由事務に係る獣医師の名簿</t>
    <rPh sb="0" eb="3">
      <t>ジュウイシ</t>
    </rPh>
    <rPh sb="3" eb="4">
      <t>ホウ</t>
    </rPh>
    <rPh sb="4" eb="5">
      <t>ダイ</t>
    </rPh>
    <rPh sb="7" eb="8">
      <t>ジョウ</t>
    </rPh>
    <rPh sb="9" eb="10">
      <t>モト</t>
    </rPh>
    <rPh sb="12" eb="13">
      <t>トド</t>
    </rPh>
    <rPh sb="13" eb="14">
      <t>デ</t>
    </rPh>
    <rPh sb="14" eb="16">
      <t>ケイユ</t>
    </rPh>
    <rPh sb="16" eb="18">
      <t>ジム</t>
    </rPh>
    <rPh sb="19" eb="20">
      <t>カカ</t>
    </rPh>
    <rPh sb="21" eb="24">
      <t>ジュウイシ</t>
    </rPh>
    <rPh sb="25" eb="27">
      <t>メイボ</t>
    </rPh>
    <phoneticPr fontId="0"/>
  </si>
  <si>
    <t>まなびや基金寄附金一覧</t>
    <rPh sb="4" eb="6">
      <t>キキン</t>
    </rPh>
    <rPh sb="6" eb="9">
      <t>キフキン</t>
    </rPh>
    <rPh sb="9" eb="11">
      <t>イチラン</t>
    </rPh>
    <phoneticPr fontId="0"/>
  </si>
  <si>
    <t>特定非営利活動法人の認証・認定・特例認定及び管理・監督事務ファイル</t>
    <rPh sb="0" eb="2">
      <t>トクテイ</t>
    </rPh>
    <rPh sb="2" eb="5">
      <t>ヒエイリ</t>
    </rPh>
    <rPh sb="5" eb="7">
      <t>カツドウ</t>
    </rPh>
    <rPh sb="7" eb="9">
      <t>ホウジン</t>
    </rPh>
    <rPh sb="10" eb="12">
      <t>ニンショウ</t>
    </rPh>
    <rPh sb="13" eb="15">
      <t>ニンテイ</t>
    </rPh>
    <rPh sb="16" eb="18">
      <t>トクレイ</t>
    </rPh>
    <rPh sb="18" eb="20">
      <t>ニンテイ</t>
    </rPh>
    <rPh sb="20" eb="21">
      <t>オヨ</t>
    </rPh>
    <rPh sb="22" eb="24">
      <t>カンリ</t>
    </rPh>
    <rPh sb="25" eb="27">
      <t>カントク</t>
    </rPh>
    <rPh sb="27" eb="29">
      <t>ジム</t>
    </rPh>
    <phoneticPr fontId="0"/>
  </si>
  <si>
    <t>子育て支援員研修修了者名簿</t>
    <rPh sb="0" eb="2">
      <t>コソダ</t>
    </rPh>
    <rPh sb="3" eb="6">
      <t>シエンイン</t>
    </rPh>
    <rPh sb="8" eb="11">
      <t>シュウリョウシャ</t>
    </rPh>
    <rPh sb="11" eb="13">
      <t>メイボ</t>
    </rPh>
    <phoneticPr fontId="0"/>
  </si>
  <si>
    <t>保育士試験受験者に関するファイル</t>
    <rPh sb="7" eb="8">
      <t>モノ</t>
    </rPh>
    <phoneticPr fontId="0"/>
  </si>
  <si>
    <t>神奈川県保育士登録者アンケート調査結果</t>
    <rPh sb="17" eb="19">
      <t>ケッカ</t>
    </rPh>
    <phoneticPr fontId="0"/>
  </si>
  <si>
    <t>放課後児童支援員認定資格研修修了者名簿</t>
    <rPh sb="14" eb="17">
      <t>シュウリョウシャ</t>
    </rPh>
    <rPh sb="17" eb="19">
      <t>メイボ</t>
    </rPh>
    <phoneticPr fontId="0"/>
  </si>
  <si>
    <t>管路情報システム</t>
    <rPh sb="0" eb="4">
      <t>カンロジョウホウ</t>
    </rPh>
    <phoneticPr fontId="0"/>
  </si>
  <si>
    <t>遺失物・拾得物管理ファイル</t>
    <rPh sb="0" eb="2">
      <t>イシツ</t>
    </rPh>
    <rPh sb="2" eb="3">
      <t>モノ</t>
    </rPh>
    <rPh sb="4" eb="6">
      <t>シュウトク</t>
    </rPh>
    <rPh sb="6" eb="7">
      <t>ブツ</t>
    </rPh>
    <rPh sb="7" eb="9">
      <t>カンリ</t>
    </rPh>
    <phoneticPr fontId="0"/>
  </si>
  <si>
    <t>警察相談管理ファイル</t>
    <rPh sb="0" eb="2">
      <t>ケイサツ</t>
    </rPh>
    <rPh sb="2" eb="4">
      <t>ソウダン</t>
    </rPh>
    <rPh sb="4" eb="6">
      <t>カンリ</t>
    </rPh>
    <phoneticPr fontId="0"/>
  </si>
  <si>
    <t>被害者支援管理システム</t>
    <rPh sb="0" eb="3">
      <t>ヒガイシャ</t>
    </rPh>
    <rPh sb="3" eb="5">
      <t>シエン</t>
    </rPh>
    <rPh sb="5" eb="7">
      <t>カンリ</t>
    </rPh>
    <phoneticPr fontId="0"/>
  </si>
  <si>
    <t>犯罪経歴証明書発給事務ファイル</t>
    <rPh sb="0" eb="2">
      <t>ハンザイ</t>
    </rPh>
    <rPh sb="2" eb="4">
      <t>ケイレキ</t>
    </rPh>
    <rPh sb="4" eb="7">
      <t>ショウメイショ</t>
    </rPh>
    <rPh sb="7" eb="9">
      <t>ハッキュウ</t>
    </rPh>
    <rPh sb="9" eb="11">
      <t>ジム</t>
    </rPh>
    <phoneticPr fontId="0"/>
  </si>
  <si>
    <t>自転車防犯登録ファイル</t>
    <rPh sb="0" eb="3">
      <t>ジテンシャ</t>
    </rPh>
    <rPh sb="3" eb="5">
      <t>ボウハン</t>
    </rPh>
    <rPh sb="5" eb="7">
      <t>トウロク</t>
    </rPh>
    <phoneticPr fontId="0"/>
  </si>
  <si>
    <t>古物営業等管理ファイル</t>
    <rPh sb="0" eb="2">
      <t>コブツ</t>
    </rPh>
    <rPh sb="2" eb="4">
      <t>エイギョウ</t>
    </rPh>
    <rPh sb="4" eb="5">
      <t>トウ</t>
    </rPh>
    <rPh sb="5" eb="7">
      <t>カンリ</t>
    </rPh>
    <phoneticPr fontId="0"/>
  </si>
  <si>
    <t>風俗営業等管理ファイル</t>
    <rPh sb="0" eb="2">
      <t>フウゾク</t>
    </rPh>
    <rPh sb="2" eb="4">
      <t>エイギョウ</t>
    </rPh>
    <rPh sb="4" eb="5">
      <t>トウ</t>
    </rPh>
    <rPh sb="5" eb="7">
      <t>カンリ</t>
    </rPh>
    <phoneticPr fontId="0"/>
  </si>
  <si>
    <t>警備業資格者等ファイル</t>
    <rPh sb="0" eb="2">
      <t>ケイビ</t>
    </rPh>
    <rPh sb="2" eb="3">
      <t>ギョウ</t>
    </rPh>
    <rPh sb="3" eb="5">
      <t>シカク</t>
    </rPh>
    <rPh sb="5" eb="6">
      <t>シャ</t>
    </rPh>
    <rPh sb="6" eb="7">
      <t>トウ</t>
    </rPh>
    <phoneticPr fontId="0"/>
  </si>
  <si>
    <t>銃砲刀剣類等所持等管理ファイル</t>
    <rPh sb="0" eb="2">
      <t>ジュウホウ</t>
    </rPh>
    <rPh sb="2" eb="5">
      <t>トウケンルイ</t>
    </rPh>
    <rPh sb="5" eb="6">
      <t>ナド</t>
    </rPh>
    <rPh sb="6" eb="8">
      <t>ショジ</t>
    </rPh>
    <rPh sb="8" eb="9">
      <t>ナド</t>
    </rPh>
    <rPh sb="9" eb="11">
      <t>カンリ</t>
    </rPh>
    <phoneticPr fontId="0"/>
  </si>
  <si>
    <t>防犯功労者等表彰管理ファイル</t>
    <rPh sb="0" eb="2">
      <t>ボウハン</t>
    </rPh>
    <rPh sb="2" eb="5">
      <t>コウロウシャ</t>
    </rPh>
    <rPh sb="5" eb="6">
      <t>ナド</t>
    </rPh>
    <rPh sb="6" eb="8">
      <t>ヒョウショウ</t>
    </rPh>
    <rPh sb="8" eb="10">
      <t>カンリ</t>
    </rPh>
    <phoneticPr fontId="0"/>
  </si>
  <si>
    <t>地域安全活動推進ファイル</t>
    <rPh sb="0" eb="2">
      <t>チイキ</t>
    </rPh>
    <rPh sb="2" eb="4">
      <t>アンゼン</t>
    </rPh>
    <rPh sb="4" eb="6">
      <t>カツドウ</t>
    </rPh>
    <rPh sb="6" eb="8">
      <t>スイシン</t>
    </rPh>
    <phoneticPr fontId="0"/>
  </si>
  <si>
    <t>特殊詐欺を始めとする各種犯罪抑止・検挙総合対策推進ファイル</t>
    <rPh sb="0" eb="2">
      <t>トクシュ</t>
    </rPh>
    <rPh sb="2" eb="4">
      <t>サギ</t>
    </rPh>
    <rPh sb="5" eb="6">
      <t>ハジ</t>
    </rPh>
    <rPh sb="10" eb="12">
      <t>カクシュ</t>
    </rPh>
    <rPh sb="12" eb="14">
      <t>ハンザイ</t>
    </rPh>
    <rPh sb="14" eb="16">
      <t>ヨクシ</t>
    </rPh>
    <rPh sb="17" eb="19">
      <t>ケンキョ</t>
    </rPh>
    <rPh sb="19" eb="21">
      <t>ソウゴウ</t>
    </rPh>
    <rPh sb="21" eb="23">
      <t>タイサク</t>
    </rPh>
    <rPh sb="23" eb="25">
      <t>スイシン</t>
    </rPh>
    <phoneticPr fontId="0"/>
  </si>
  <si>
    <t>総合医療情報システム(電子カルテシステム、医事会計システム）</t>
    <rPh sb="0" eb="2">
      <t>ソウゴウ</t>
    </rPh>
    <rPh sb="2" eb="4">
      <t>イリョウ</t>
    </rPh>
    <rPh sb="4" eb="6">
      <t>ジョウホウ</t>
    </rPh>
    <rPh sb="11" eb="13">
      <t>デンシ</t>
    </rPh>
    <rPh sb="21" eb="23">
      <t>イジ</t>
    </rPh>
    <rPh sb="23" eb="25">
      <t>カイケイ</t>
    </rPh>
    <phoneticPr fontId="0"/>
  </si>
  <si>
    <t>医療福祉相談記録</t>
    <rPh sb="0" eb="6">
      <t>イリョウフクシソウダン</t>
    </rPh>
    <rPh sb="6" eb="8">
      <t>キロク</t>
    </rPh>
    <phoneticPr fontId="0"/>
  </si>
  <si>
    <t>医事会計システム（HOPE／X-W）</t>
    <rPh sb="0" eb="4">
      <t>イジカイケイ</t>
    </rPh>
    <phoneticPr fontId="0"/>
  </si>
  <si>
    <t>行政書士試験合格者名簿</t>
    <rPh sb="0" eb="2">
      <t>ギョウセイ</t>
    </rPh>
    <rPh sb="2" eb="4">
      <t>ショシ</t>
    </rPh>
    <rPh sb="4" eb="6">
      <t>シケン</t>
    </rPh>
    <rPh sb="6" eb="9">
      <t>ゴウカクシャ</t>
    </rPh>
    <rPh sb="9" eb="11">
      <t>メイボ</t>
    </rPh>
    <phoneticPr fontId="0"/>
  </si>
  <si>
    <t>財務システム</t>
    <rPh sb="0" eb="2">
      <t>ザイム</t>
    </rPh>
    <phoneticPr fontId="0"/>
  </si>
  <si>
    <t>かながわSDGsパートナー登録者ファイル簿</t>
    <rPh sb="13" eb="15">
      <t>トウロク</t>
    </rPh>
    <rPh sb="15" eb="16">
      <t>シャ</t>
    </rPh>
    <rPh sb="20" eb="21">
      <t>ボ</t>
    </rPh>
    <phoneticPr fontId="0"/>
  </si>
  <si>
    <t>非常通報装置管理ファイル</t>
    <rPh sb="0" eb="2">
      <t>ヒジョウ</t>
    </rPh>
    <rPh sb="2" eb="4">
      <t>ツウホウ</t>
    </rPh>
    <rPh sb="4" eb="6">
      <t>ソウチ</t>
    </rPh>
    <rPh sb="6" eb="8">
      <t>カンリ</t>
    </rPh>
    <phoneticPr fontId="0"/>
  </si>
  <si>
    <t>地域交通安全活動推進委員管理ファイル</t>
    <rPh sb="0" eb="2">
      <t>チイキ</t>
    </rPh>
    <rPh sb="2" eb="4">
      <t>コウツウ</t>
    </rPh>
    <rPh sb="4" eb="12">
      <t>アンゼンカツドウスイシンイイン</t>
    </rPh>
    <rPh sb="12" eb="14">
      <t>カンリ</t>
    </rPh>
    <phoneticPr fontId="0"/>
  </si>
  <si>
    <t>安全運転管理者等管理ファイル</t>
    <rPh sb="0" eb="2">
      <t>アンゼン</t>
    </rPh>
    <rPh sb="2" eb="4">
      <t>ウンテン</t>
    </rPh>
    <rPh sb="4" eb="7">
      <t>カンリシャ</t>
    </rPh>
    <rPh sb="7" eb="8">
      <t>ナド</t>
    </rPh>
    <rPh sb="8" eb="10">
      <t>カンリ</t>
    </rPh>
    <phoneticPr fontId="0"/>
  </si>
  <si>
    <t>臨時適性検査ファイル</t>
    <rPh sb="0" eb="2">
      <t>リンジ</t>
    </rPh>
    <rPh sb="2" eb="4">
      <t>テキセイ</t>
    </rPh>
    <rPh sb="4" eb="6">
      <t>ケンサ</t>
    </rPh>
    <phoneticPr fontId="0"/>
  </si>
  <si>
    <t>運転者管理ファイル</t>
    <rPh sb="0" eb="3">
      <t>ウンテンシャ</t>
    </rPh>
    <rPh sb="3" eb="5">
      <t>カンリ</t>
    </rPh>
    <phoneticPr fontId="0"/>
  </si>
  <si>
    <t>駐車禁止除外指定車標章管理ファイル</t>
    <rPh sb="0" eb="2">
      <t>チュウシャ</t>
    </rPh>
    <rPh sb="2" eb="4">
      <t>キンシ</t>
    </rPh>
    <rPh sb="4" eb="6">
      <t>ジョガイ</t>
    </rPh>
    <rPh sb="6" eb="8">
      <t>シテイ</t>
    </rPh>
    <rPh sb="8" eb="9">
      <t>クルマ</t>
    </rPh>
    <rPh sb="9" eb="11">
      <t>ヒョウショウ</t>
    </rPh>
    <rPh sb="11" eb="13">
      <t>カンリ</t>
    </rPh>
    <rPh sb="13" eb="14">
      <t>カンリ</t>
    </rPh>
    <phoneticPr fontId="0"/>
  </si>
  <si>
    <t>駐車許可証管理ファイル</t>
    <rPh sb="0" eb="2">
      <t>チュウシャ</t>
    </rPh>
    <rPh sb="2" eb="5">
      <t>キョカショウ</t>
    </rPh>
    <rPh sb="5" eb="7">
      <t>カンリ</t>
    </rPh>
    <rPh sb="7" eb="8">
      <t>カンリ</t>
    </rPh>
    <phoneticPr fontId="0"/>
  </si>
  <si>
    <t>感染防止対策取組書登録事業者一覧</t>
    <rPh sb="0" eb="9">
      <t>カンセンボウシタイサクトリクミショ</t>
    </rPh>
    <rPh sb="9" eb="11">
      <t>トウロク</t>
    </rPh>
    <rPh sb="11" eb="14">
      <t>ジギョウシャ</t>
    </rPh>
    <rPh sb="14" eb="16">
      <t>イチラン</t>
    </rPh>
    <phoneticPr fontId="0"/>
  </si>
  <si>
    <t>指定障害福祉サービス事業所等名簿</t>
    <rPh sb="0" eb="6">
      <t>シテイショウガイフクシ</t>
    </rPh>
    <rPh sb="10" eb="13">
      <t>ジギョウショ</t>
    </rPh>
    <rPh sb="13" eb="14">
      <t>トウ</t>
    </rPh>
    <rPh sb="14" eb="16">
      <t>メイボ</t>
    </rPh>
    <phoneticPr fontId="0"/>
  </si>
  <si>
    <t>サービス管理責任者及び児童発達支援管理責任者　研修修了者名簿</t>
    <rPh sb="4" eb="6">
      <t>カンリ</t>
    </rPh>
    <rPh sb="6" eb="9">
      <t>セキニンシャ</t>
    </rPh>
    <rPh sb="9" eb="10">
      <t>オヨ</t>
    </rPh>
    <rPh sb="11" eb="22">
      <t>ジドウハッタツシエンカンリセキニンシャ</t>
    </rPh>
    <rPh sb="23" eb="25">
      <t>ケンシュウ</t>
    </rPh>
    <rPh sb="25" eb="28">
      <t>シュウリョウシャ</t>
    </rPh>
    <rPh sb="28" eb="30">
      <t>メイボ</t>
    </rPh>
    <phoneticPr fontId="0"/>
  </si>
  <si>
    <t>高齢運転者等専用駐車管理ファイル</t>
    <rPh sb="0" eb="2">
      <t>コウレイ</t>
    </rPh>
    <rPh sb="2" eb="6">
      <t>ウンテンシャトウ</t>
    </rPh>
    <rPh sb="6" eb="8">
      <t>センヨウ</t>
    </rPh>
    <rPh sb="8" eb="10">
      <t>チュウシャ</t>
    </rPh>
    <rPh sb="10" eb="12">
      <t>カンリ</t>
    </rPh>
    <phoneticPr fontId="0"/>
  </si>
  <si>
    <t>自動車保管場所管理ファイル</t>
    <rPh sb="0" eb="3">
      <t>ジドウシャ</t>
    </rPh>
    <rPh sb="3" eb="5">
      <t>ホカン</t>
    </rPh>
    <rPh sb="5" eb="7">
      <t>バショ</t>
    </rPh>
    <rPh sb="7" eb="9">
      <t>カンリ</t>
    </rPh>
    <phoneticPr fontId="0"/>
  </si>
  <si>
    <t>強度行動障害支援者養成研修修了者ファイル</t>
    <rPh sb="13" eb="16">
      <t>シュウリョウシャ</t>
    </rPh>
    <phoneticPr fontId="0"/>
  </si>
  <si>
    <t>認定調査員研修受講者名簿</t>
    <rPh sb="0" eb="2">
      <t>ニンテイ</t>
    </rPh>
    <rPh sb="2" eb="4">
      <t>チョウサ</t>
    </rPh>
    <rPh sb="4" eb="5">
      <t>イン</t>
    </rPh>
    <rPh sb="5" eb="7">
      <t>ケンシュウ</t>
    </rPh>
    <rPh sb="7" eb="10">
      <t>ジュコウシャ</t>
    </rPh>
    <rPh sb="10" eb="12">
      <t>メイボ</t>
    </rPh>
    <phoneticPr fontId="0"/>
  </si>
  <si>
    <t>オレンジパートナー養成研修受講者ファイル</t>
    <rPh sb="9" eb="11">
      <t>ヨウセイ</t>
    </rPh>
    <rPh sb="11" eb="13">
      <t>ケンシュウ</t>
    </rPh>
    <rPh sb="13" eb="16">
      <t>ジュコウシャ</t>
    </rPh>
    <phoneticPr fontId="0"/>
  </si>
  <si>
    <t>認定特定行為業務従事者ファイル</t>
    <rPh sb="0" eb="11">
      <t>ニンテイトクテイコウイギョウムジュウジシャ</t>
    </rPh>
    <phoneticPr fontId="0"/>
  </si>
  <si>
    <t>介護保険指定機関等管理システム</t>
    <rPh sb="0" eb="2">
      <t>カイゴ</t>
    </rPh>
    <rPh sb="2" eb="4">
      <t>ホケン</t>
    </rPh>
    <rPh sb="4" eb="6">
      <t>シテイ</t>
    </rPh>
    <rPh sb="6" eb="8">
      <t>キカン</t>
    </rPh>
    <rPh sb="8" eb="9">
      <t>トウ</t>
    </rPh>
    <rPh sb="9" eb="11">
      <t>カンリ</t>
    </rPh>
    <phoneticPr fontId="0"/>
  </si>
  <si>
    <t>令和２年度新型コロナウイルス感染症緊急包括支援事業（介護分）交付金の交付事務ファイル</t>
    <rPh sb="0" eb="2">
      <t>レイワ</t>
    </rPh>
    <rPh sb="3" eb="4">
      <t>ネン</t>
    </rPh>
    <rPh sb="4" eb="5">
      <t>ド</t>
    </rPh>
    <rPh sb="5" eb="7">
      <t>シンガタ</t>
    </rPh>
    <rPh sb="14" eb="21">
      <t>カンセンショウキンキュウホウカツ</t>
    </rPh>
    <rPh sb="21" eb="23">
      <t>シエン</t>
    </rPh>
    <rPh sb="23" eb="25">
      <t>ジギョウ</t>
    </rPh>
    <rPh sb="26" eb="28">
      <t>カイゴ</t>
    </rPh>
    <rPh sb="28" eb="29">
      <t>ブン</t>
    </rPh>
    <rPh sb="30" eb="33">
      <t>コウフキン</t>
    </rPh>
    <rPh sb="34" eb="36">
      <t>コウフ</t>
    </rPh>
    <rPh sb="36" eb="38">
      <t>ジム</t>
    </rPh>
    <phoneticPr fontId="0"/>
  </si>
  <si>
    <t>介護サービス事業者の業務管理体制の整備に関する事項の届出受理事務管理ファイル</t>
    <rPh sb="28" eb="30">
      <t>ジュリ</t>
    </rPh>
    <rPh sb="30" eb="32">
      <t>ジム</t>
    </rPh>
    <rPh sb="32" eb="34">
      <t>カンリ</t>
    </rPh>
    <phoneticPr fontId="0"/>
  </si>
  <si>
    <t>介護サービス事業者の業務管理体制の一般検査事務管理ファイル</t>
    <rPh sb="17" eb="19">
      <t>イッパン</t>
    </rPh>
    <rPh sb="19" eb="21">
      <t>ケンサ</t>
    </rPh>
    <rPh sb="21" eb="23">
      <t>ジム</t>
    </rPh>
    <rPh sb="23" eb="25">
      <t>カンリ</t>
    </rPh>
    <phoneticPr fontId="0"/>
  </si>
  <si>
    <t>障害者就業・生活支援センター事業生活支援等事業（川崎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カワサキ</t>
    </rPh>
    <rPh sb="26" eb="28">
      <t>ケンイキ</t>
    </rPh>
    <rPh sb="29" eb="32">
      <t>トウロクシャ</t>
    </rPh>
    <rPh sb="32" eb="34">
      <t>ジョウホウ</t>
    </rPh>
    <phoneticPr fontId="0"/>
  </si>
  <si>
    <t>自立支援医療（精神通院医療）連名簿</t>
    <rPh sb="0" eb="6">
      <t>ジリツシエンイリョウ</t>
    </rPh>
    <rPh sb="7" eb="13">
      <t>セイシンツウインイリョウ</t>
    </rPh>
    <rPh sb="14" eb="15">
      <t>レン</t>
    </rPh>
    <rPh sb="15" eb="17">
      <t>メイボ</t>
    </rPh>
    <phoneticPr fontId="0"/>
  </si>
  <si>
    <t>指定自立支援医療機関名簿</t>
    <rPh sb="10" eb="12">
      <t>メイボ</t>
    </rPh>
    <phoneticPr fontId="0"/>
  </si>
  <si>
    <t>神奈川県在宅重度障害者等手当支給システム</t>
    <rPh sb="0" eb="4">
      <t>カナガワケン</t>
    </rPh>
    <rPh sb="4" eb="16">
      <t>ザイタクジュウドショウガイシャトウテアテシキュウ</t>
    </rPh>
    <phoneticPr fontId="0"/>
  </si>
  <si>
    <t>相談支援従事者研修修了者名簿</t>
    <rPh sb="0" eb="2">
      <t>ソウダン</t>
    </rPh>
    <rPh sb="2" eb="4">
      <t>シエン</t>
    </rPh>
    <rPh sb="4" eb="7">
      <t>ジュウジシャ</t>
    </rPh>
    <rPh sb="7" eb="9">
      <t>ケンシュウ</t>
    </rPh>
    <rPh sb="9" eb="12">
      <t>シュウリョウシャ</t>
    </rPh>
    <rPh sb="12" eb="14">
      <t>メイボ</t>
    </rPh>
    <phoneticPr fontId="0"/>
  </si>
  <si>
    <t>道路占用ファイル</t>
    <rPh sb="0" eb="2">
      <t>ドウロ</t>
    </rPh>
    <rPh sb="2" eb="4">
      <t>センヨウ</t>
    </rPh>
    <phoneticPr fontId="0"/>
  </si>
  <si>
    <t>ＰＲＴＲ制度に基づく届出、及び神奈川県生活環境の保全等に関する条例第42条に基づく報告のデータ</t>
    <rPh sb="13" eb="14">
      <t>オヨ</t>
    </rPh>
    <phoneticPr fontId="0"/>
  </si>
  <si>
    <t>非常勤講師データベース</t>
    <rPh sb="0" eb="3">
      <t>ヒジョウキン</t>
    </rPh>
    <rPh sb="3" eb="5">
      <t>コウシ</t>
    </rPh>
    <phoneticPr fontId="0"/>
  </si>
  <si>
    <t>学籍管理システム</t>
    <rPh sb="0" eb="2">
      <t>ガクセキ</t>
    </rPh>
    <rPh sb="2" eb="4">
      <t>カンリ</t>
    </rPh>
    <phoneticPr fontId="0"/>
  </si>
  <si>
    <t>税務オンラインシステム</t>
    <rPh sb="0" eb="2">
      <t>ゼイム</t>
    </rPh>
    <phoneticPr fontId="0"/>
  </si>
  <si>
    <t>滞納者情報管理システム</t>
    <rPh sb="3" eb="5">
      <t>ジョウホウ</t>
    </rPh>
    <rPh sb="5" eb="7">
      <t>カンリ</t>
    </rPh>
    <phoneticPr fontId="0"/>
  </si>
  <si>
    <t>療育手帳交付等管理システム</t>
    <rPh sb="0" eb="2">
      <t>リョウイク</t>
    </rPh>
    <rPh sb="2" eb="4">
      <t>テチョウ</t>
    </rPh>
    <rPh sb="6" eb="7">
      <t>ナド</t>
    </rPh>
    <rPh sb="7" eb="9">
      <t>カンリ</t>
    </rPh>
    <phoneticPr fontId="0"/>
  </si>
  <si>
    <t>学費軽減者一覧表</t>
    <rPh sb="0" eb="2">
      <t>ガクヒ</t>
    </rPh>
    <rPh sb="2" eb="4">
      <t>ケイゲン</t>
    </rPh>
    <rPh sb="4" eb="5">
      <t>シャ</t>
    </rPh>
    <rPh sb="5" eb="7">
      <t>イチラン</t>
    </rPh>
    <rPh sb="7" eb="8">
      <t>ヒョウ</t>
    </rPh>
    <phoneticPr fontId="0"/>
  </si>
  <si>
    <t>私立幼稚園特別支援教育費補助金事業計画書</t>
    <rPh sb="0" eb="2">
      <t>シリツ</t>
    </rPh>
    <rPh sb="2" eb="5">
      <t>ヨウチエン</t>
    </rPh>
    <rPh sb="5" eb="7">
      <t>トクベツ</t>
    </rPh>
    <rPh sb="7" eb="9">
      <t>シエン</t>
    </rPh>
    <rPh sb="9" eb="12">
      <t>キョウイクヒ</t>
    </rPh>
    <rPh sb="12" eb="15">
      <t>ホジョキン</t>
    </rPh>
    <rPh sb="15" eb="17">
      <t>ジギョウ</t>
    </rPh>
    <rPh sb="17" eb="20">
      <t>ケイカクショ</t>
    </rPh>
    <phoneticPr fontId="0"/>
  </si>
  <si>
    <t>学費軽減者一覧表(緊急支援補助金用)</t>
    <rPh sb="0" eb="2">
      <t>ガクヒ</t>
    </rPh>
    <rPh sb="2" eb="4">
      <t>ケイゲン</t>
    </rPh>
    <rPh sb="4" eb="5">
      <t>シャ</t>
    </rPh>
    <rPh sb="5" eb="7">
      <t>イチラン</t>
    </rPh>
    <rPh sb="7" eb="8">
      <t>ヒョウ</t>
    </rPh>
    <rPh sb="9" eb="11">
      <t>キンキュウ</t>
    </rPh>
    <rPh sb="11" eb="13">
      <t>シエン</t>
    </rPh>
    <rPh sb="13" eb="16">
      <t>ホジョキン</t>
    </rPh>
    <rPh sb="16" eb="17">
      <t>ヨウ</t>
    </rPh>
    <phoneticPr fontId="0"/>
  </si>
  <si>
    <t>運転適性検査管理ファイル</t>
    <rPh sb="0" eb="2">
      <t>ウンテン</t>
    </rPh>
    <rPh sb="2" eb="4">
      <t>テキセイ</t>
    </rPh>
    <rPh sb="4" eb="6">
      <t>ケンサ</t>
    </rPh>
    <rPh sb="6" eb="8">
      <t>カンリ</t>
    </rPh>
    <phoneticPr fontId="0"/>
  </si>
  <si>
    <t>高等学校等就学支援金支給者台帳一覧</t>
    <rPh sb="0" eb="2">
      <t>コウトウ</t>
    </rPh>
    <rPh sb="2" eb="4">
      <t>ガッコウ</t>
    </rPh>
    <rPh sb="4" eb="5">
      <t>トウ</t>
    </rPh>
    <rPh sb="5" eb="7">
      <t>シュウガク</t>
    </rPh>
    <rPh sb="7" eb="10">
      <t>シエンキン</t>
    </rPh>
    <rPh sb="10" eb="12">
      <t>シキュウ</t>
    </rPh>
    <rPh sb="12" eb="13">
      <t>シャ</t>
    </rPh>
    <rPh sb="13" eb="15">
      <t>ダイチョウ</t>
    </rPh>
    <rPh sb="15" eb="17">
      <t>イチラン</t>
    </rPh>
    <phoneticPr fontId="0"/>
  </si>
  <si>
    <t>高等学校等奨学給付金受給申請書</t>
    <rPh sb="0" eb="2">
      <t>コウトウ</t>
    </rPh>
    <rPh sb="2" eb="4">
      <t>ガッコウ</t>
    </rPh>
    <rPh sb="4" eb="5">
      <t>トウ</t>
    </rPh>
    <rPh sb="5" eb="7">
      <t>ショウガク</t>
    </rPh>
    <rPh sb="7" eb="10">
      <t>キュウフキン</t>
    </rPh>
    <rPh sb="10" eb="12">
      <t>ジュキュウ</t>
    </rPh>
    <rPh sb="12" eb="15">
      <t>シンセイショ</t>
    </rPh>
    <phoneticPr fontId="0"/>
  </si>
  <si>
    <t>審査請求管理システム</t>
    <rPh sb="0" eb="2">
      <t>シンサ</t>
    </rPh>
    <rPh sb="2" eb="4">
      <t>セイキュウ</t>
    </rPh>
    <rPh sb="4" eb="6">
      <t>カンリ</t>
    </rPh>
    <phoneticPr fontId="0"/>
  </si>
  <si>
    <t>居場所づくり支援事業に係る役員名簿</t>
    <rPh sb="0" eb="3">
      <t>イバショ</t>
    </rPh>
    <rPh sb="6" eb="8">
      <t>シエン</t>
    </rPh>
    <rPh sb="8" eb="10">
      <t>ジギョウ</t>
    </rPh>
    <rPh sb="11" eb="12">
      <t>カカ</t>
    </rPh>
    <rPh sb="13" eb="15">
      <t>ヤクイン</t>
    </rPh>
    <rPh sb="15" eb="17">
      <t>メイボ</t>
    </rPh>
    <phoneticPr fontId="0"/>
  </si>
  <si>
    <t>栄典等受章者データベース</t>
    <rPh sb="0" eb="2">
      <t>エイテン</t>
    </rPh>
    <rPh sb="2" eb="3">
      <t>トウ</t>
    </rPh>
    <rPh sb="3" eb="6">
      <t>ジュショウシャ</t>
    </rPh>
    <phoneticPr fontId="0"/>
  </si>
  <si>
    <t>精神障害者入院医療援護金台帳ファイル</t>
    <rPh sb="0" eb="2">
      <t>セイシン</t>
    </rPh>
    <rPh sb="2" eb="12">
      <t>ショウガイシャニュウインイリョウエンゴキン</t>
    </rPh>
    <rPh sb="12" eb="14">
      <t>ダイチョウ</t>
    </rPh>
    <phoneticPr fontId="0"/>
  </si>
  <si>
    <t>精神障害者入院医療援護金台帳ファイル、入院期間等の証明書及び入院期間等の通報書</t>
    <rPh sb="0" eb="2">
      <t>セイシン</t>
    </rPh>
    <rPh sb="2" eb="12">
      <t>ショウガイシャニュウインイリョウエンゴキン</t>
    </rPh>
    <rPh sb="12" eb="14">
      <t>ダイチョウ</t>
    </rPh>
    <rPh sb="19" eb="24">
      <t>ニュウインキカントウ</t>
    </rPh>
    <rPh sb="25" eb="28">
      <t>ショウメイショ</t>
    </rPh>
    <rPh sb="28" eb="29">
      <t>オヨ</t>
    </rPh>
    <rPh sb="36" eb="38">
      <t>ツウホウ</t>
    </rPh>
    <rPh sb="38" eb="39">
      <t>ショ</t>
    </rPh>
    <phoneticPr fontId="0"/>
  </si>
  <si>
    <t>教育職員免許状申請データ</t>
    <rPh sb="0" eb="2">
      <t>キョウイク</t>
    </rPh>
    <rPh sb="2" eb="4">
      <t>ショクイン</t>
    </rPh>
    <rPh sb="4" eb="7">
      <t>メンキョジョウ</t>
    </rPh>
    <rPh sb="7" eb="9">
      <t>シンセイ</t>
    </rPh>
    <phoneticPr fontId="0"/>
  </si>
  <si>
    <t>教育職員免許状原簿</t>
    <rPh sb="0" eb="2">
      <t>キョウイク</t>
    </rPh>
    <rPh sb="2" eb="4">
      <t>ショクイン</t>
    </rPh>
    <rPh sb="4" eb="7">
      <t>メンキョジョウ</t>
    </rPh>
    <rPh sb="7" eb="9">
      <t>ゲンボ</t>
    </rPh>
    <phoneticPr fontId="0"/>
  </si>
  <si>
    <t>認定講習受講者名簿</t>
    <rPh sb="0" eb="4">
      <t>ニンテイコウシュウ</t>
    </rPh>
    <rPh sb="4" eb="7">
      <t>ジュコウシャ</t>
    </rPh>
    <rPh sb="7" eb="9">
      <t>メイボ</t>
    </rPh>
    <phoneticPr fontId="0"/>
  </si>
  <si>
    <t>医事システム（HOPE／X-W）</t>
    <rPh sb="0" eb="2">
      <t>イジ</t>
    </rPh>
    <phoneticPr fontId="0"/>
  </si>
  <si>
    <t>保育士登録申請者情報</t>
    <rPh sb="5" eb="7">
      <t>シンセイ</t>
    </rPh>
    <rPh sb="7" eb="8">
      <t>シャ</t>
    </rPh>
    <rPh sb="8" eb="10">
      <t>ジョウホウ</t>
    </rPh>
    <phoneticPr fontId="0"/>
  </si>
  <si>
    <t>求職登録者及びセンター登録者情報</t>
    <rPh sb="0" eb="2">
      <t>キュウショク</t>
    </rPh>
    <rPh sb="2" eb="4">
      <t>トウロク</t>
    </rPh>
    <rPh sb="4" eb="5">
      <t>シャ</t>
    </rPh>
    <rPh sb="5" eb="6">
      <t>オヨ</t>
    </rPh>
    <rPh sb="11" eb="13">
      <t>トウロク</t>
    </rPh>
    <rPh sb="13" eb="14">
      <t>シャ</t>
    </rPh>
    <rPh sb="14" eb="16">
      <t>ジョウホウ</t>
    </rPh>
    <phoneticPr fontId="0"/>
  </si>
  <si>
    <t>令和５年度神奈川県ビジネスモデル転換事業費補助金申請者情報</t>
    <rPh sb="0" eb="2">
      <t>レイワ</t>
    </rPh>
    <rPh sb="3" eb="5">
      <t>ネンド</t>
    </rPh>
    <rPh sb="16" eb="18">
      <t>テンカン</t>
    </rPh>
    <phoneticPr fontId="0"/>
  </si>
  <si>
    <t>卒業生台帳</t>
    <rPh sb="0" eb="3">
      <t>ソツギョウセイ</t>
    </rPh>
    <rPh sb="3" eb="5">
      <t>ダイチョウ</t>
    </rPh>
    <phoneticPr fontId="0"/>
  </si>
  <si>
    <t>卒業生台帳</t>
    <rPh sb="0" eb="5">
      <t>ソツギョウセイダイチョウ</t>
    </rPh>
    <phoneticPr fontId="0"/>
  </si>
  <si>
    <t>生徒証発行台帳</t>
    <rPh sb="0" eb="2">
      <t>セイト</t>
    </rPh>
    <rPh sb="2" eb="3">
      <t>ショウ</t>
    </rPh>
    <rPh sb="3" eb="5">
      <t>ハッコウ</t>
    </rPh>
    <rPh sb="5" eb="7">
      <t>ダイチョウ</t>
    </rPh>
    <phoneticPr fontId="0"/>
  </si>
  <si>
    <t>令和４年度神奈川県ビジネスモデル転換事業費補助金申請者情報</t>
    <rPh sb="0" eb="2">
      <t>レイワ</t>
    </rPh>
    <rPh sb="3" eb="5">
      <t>ネンド</t>
    </rPh>
    <rPh sb="16" eb="18">
      <t>テンカン</t>
    </rPh>
    <phoneticPr fontId="0"/>
  </si>
  <si>
    <t>新型コロナウイルス感染症患者のファイル</t>
    <rPh sb="0" eb="2">
      <t>シンガタ</t>
    </rPh>
    <rPh sb="9" eb="12">
      <t>カンセンショウ</t>
    </rPh>
    <rPh sb="12" eb="14">
      <t>カンジャ</t>
    </rPh>
    <phoneticPr fontId="0"/>
  </si>
  <si>
    <t>かながわ脱炭素アクション創出事業に関するアンケート回答者ファイル</t>
    <rPh sb="4" eb="5">
      <t>ダツ</t>
    </rPh>
    <rPh sb="5" eb="7">
      <t>タンソ</t>
    </rPh>
    <rPh sb="12" eb="14">
      <t>ソウシュツ</t>
    </rPh>
    <rPh sb="14" eb="16">
      <t>ジギョウ</t>
    </rPh>
    <rPh sb="17" eb="18">
      <t>カン</t>
    </rPh>
    <rPh sb="25" eb="27">
      <t>カイトウ</t>
    </rPh>
    <rPh sb="27" eb="28">
      <t>シャ</t>
    </rPh>
    <phoneticPr fontId="0"/>
  </si>
  <si>
    <t>建築行政共用データベースシステム(建築指導課分)</t>
    <rPh sb="0" eb="2">
      <t>ケンチク</t>
    </rPh>
    <rPh sb="2" eb="4">
      <t>ギョウセイ</t>
    </rPh>
    <rPh sb="4" eb="6">
      <t>キョウヨウ</t>
    </rPh>
    <rPh sb="17" eb="19">
      <t>ケンチク</t>
    </rPh>
    <rPh sb="19" eb="22">
      <t>シドウカ</t>
    </rPh>
    <rPh sb="22" eb="23">
      <t>ブン</t>
    </rPh>
    <phoneticPr fontId="0"/>
  </si>
  <si>
    <t>110番等受理・措置管理ファイル</t>
    <rPh sb="3" eb="4">
      <t>バン</t>
    </rPh>
    <rPh sb="4" eb="5">
      <t>ナド</t>
    </rPh>
    <rPh sb="5" eb="7">
      <t>ジュリ</t>
    </rPh>
    <rPh sb="8" eb="10">
      <t>ソチ</t>
    </rPh>
    <rPh sb="10" eb="12">
      <t>カンリ</t>
    </rPh>
    <phoneticPr fontId="0"/>
  </si>
  <si>
    <t>交通事故統計・分析管理ファイル</t>
    <rPh sb="0" eb="2">
      <t>コウツウ</t>
    </rPh>
    <rPh sb="2" eb="4">
      <t>ジコ</t>
    </rPh>
    <rPh sb="4" eb="6">
      <t>トウケイ</t>
    </rPh>
    <rPh sb="7" eb="9">
      <t>ブンセキ</t>
    </rPh>
    <rPh sb="9" eb="11">
      <t>カンリ</t>
    </rPh>
    <phoneticPr fontId="0"/>
  </si>
  <si>
    <t>婚活イベントの申込者及びマッチングアプリ特典の希望者ファイル</t>
    <rPh sb="0" eb="2">
      <t>コンカツ</t>
    </rPh>
    <rPh sb="7" eb="9">
      <t>モウシコミ</t>
    </rPh>
    <rPh sb="9" eb="10">
      <t>シャ</t>
    </rPh>
    <rPh sb="10" eb="11">
      <t>オヨ</t>
    </rPh>
    <rPh sb="20" eb="22">
      <t>トクテン</t>
    </rPh>
    <rPh sb="23" eb="25">
      <t>キボウ</t>
    </rPh>
    <rPh sb="25" eb="26">
      <t>シャ</t>
    </rPh>
    <phoneticPr fontId="0"/>
  </si>
  <si>
    <t>プレミアムダムカードの応募に関するファイル</t>
    <rPh sb="11" eb="13">
      <t>オウボ</t>
    </rPh>
    <rPh sb="14" eb="15">
      <t>カン</t>
    </rPh>
    <phoneticPr fontId="0"/>
  </si>
  <si>
    <t>小児救急電話相談記録ファイル</t>
    <rPh sb="0" eb="4">
      <t>ショウニキュウキュウ</t>
    </rPh>
    <rPh sb="4" eb="6">
      <t>デンワ</t>
    </rPh>
    <rPh sb="6" eb="8">
      <t>ソウダン</t>
    </rPh>
    <rPh sb="8" eb="10">
      <t>キロク</t>
    </rPh>
    <phoneticPr fontId="0"/>
  </si>
  <si>
    <t>卒業生台帳（城山高等学校）</t>
    <rPh sb="0" eb="3">
      <t>ソツギョウセイ</t>
    </rPh>
    <rPh sb="3" eb="5">
      <t>ダイチョウ</t>
    </rPh>
    <rPh sb="6" eb="8">
      <t>シロヤマ</t>
    </rPh>
    <rPh sb="8" eb="10">
      <t>コウトウ</t>
    </rPh>
    <rPh sb="10" eb="12">
      <t>ガッコウ</t>
    </rPh>
    <phoneticPr fontId="0"/>
  </si>
  <si>
    <t>私立学校現況調査教職員名簿(幼稚園)</t>
    <rPh sb="11" eb="13">
      <t>メイボ</t>
    </rPh>
    <rPh sb="14" eb="17">
      <t>ヨウチエン</t>
    </rPh>
    <phoneticPr fontId="0"/>
  </si>
  <si>
    <t>私立学校現況調査教職員名簿(小学校・中学校・高等学校・中等教育学校・特別支援学校)</t>
    <rPh sb="11" eb="13">
      <t>メイボ</t>
    </rPh>
    <rPh sb="14" eb="17">
      <t>ショウガッコウ</t>
    </rPh>
    <rPh sb="18" eb="21">
      <t>チュウガッコウ</t>
    </rPh>
    <rPh sb="22" eb="24">
      <t>コウトウ</t>
    </rPh>
    <rPh sb="24" eb="26">
      <t>ガッコウ</t>
    </rPh>
    <rPh sb="27" eb="29">
      <t>チュウトウ</t>
    </rPh>
    <rPh sb="29" eb="31">
      <t>キョウイク</t>
    </rPh>
    <rPh sb="31" eb="33">
      <t>ガッコウ</t>
    </rPh>
    <rPh sb="34" eb="36">
      <t>トクベツ</t>
    </rPh>
    <rPh sb="36" eb="38">
      <t>シエン</t>
    </rPh>
    <rPh sb="38" eb="40">
      <t>ガッコウ</t>
    </rPh>
    <phoneticPr fontId="0"/>
  </si>
  <si>
    <t>私立学校現況調査教職員名簿(専修学校・各種学校)</t>
    <rPh sb="11" eb="13">
      <t>メイボ</t>
    </rPh>
    <rPh sb="14" eb="16">
      <t>センシュウ</t>
    </rPh>
    <rPh sb="16" eb="18">
      <t>ガッコウ</t>
    </rPh>
    <rPh sb="19" eb="21">
      <t>カクシュ</t>
    </rPh>
    <rPh sb="21" eb="23">
      <t>ガッコウ</t>
    </rPh>
    <phoneticPr fontId="0"/>
  </si>
  <si>
    <t>かながわ脱炭素アクションフォーラムに係る参加者申込受付ファイル</t>
    <rPh sb="4" eb="5">
      <t>ダツ</t>
    </rPh>
    <rPh sb="5" eb="7">
      <t>タンソ</t>
    </rPh>
    <rPh sb="18" eb="19">
      <t>カカ</t>
    </rPh>
    <rPh sb="20" eb="23">
      <t>サンカシャ</t>
    </rPh>
    <rPh sb="23" eb="25">
      <t>モウシコ</t>
    </rPh>
    <rPh sb="25" eb="27">
      <t>ウケツケ</t>
    </rPh>
    <phoneticPr fontId="0"/>
  </si>
  <si>
    <t>災害時職員安否確認等台帳</t>
    <rPh sb="10" eb="12">
      <t>ダイチョウ</t>
    </rPh>
    <phoneticPr fontId="0"/>
  </si>
  <si>
    <t>プレミアムダムカード当選者ファイル</t>
    <rPh sb="10" eb="13">
      <t>トウセンシャ</t>
    </rPh>
    <phoneticPr fontId="0"/>
  </si>
  <si>
    <t>卒業生台帳</t>
    <rPh sb="0" eb="3">
      <t>ソツギョウセイ</t>
    </rPh>
    <rPh sb="3" eb="5">
      <t>ダイチョウ</t>
    </rPh>
    <phoneticPr fontId="0"/>
  </si>
  <si>
    <t>福祉・介護職員処遇改善臨時特例交付金計画書提出事業所一覧</t>
    <rPh sb="0" eb="2">
      <t>フクシ</t>
    </rPh>
    <rPh sb="3" eb="7">
      <t>カイゴショクイン</t>
    </rPh>
    <rPh sb="7" eb="11">
      <t>ショグウカイゼン</t>
    </rPh>
    <rPh sb="11" eb="18">
      <t>リンジトクレイコウフキン</t>
    </rPh>
    <rPh sb="18" eb="21">
      <t>ケイカクショ</t>
    </rPh>
    <rPh sb="21" eb="23">
      <t>テイシュツ</t>
    </rPh>
    <rPh sb="23" eb="26">
      <t>ジギョウショ</t>
    </rPh>
    <rPh sb="26" eb="28">
      <t>イチラン</t>
    </rPh>
    <phoneticPr fontId="0"/>
  </si>
  <si>
    <t>神奈川県ロボット企業マッチングデータベース・ファイル</t>
    <rPh sb="0" eb="4">
      <t>カナガワケン</t>
    </rPh>
    <rPh sb="8" eb="10">
      <t>キギョウ</t>
    </rPh>
    <phoneticPr fontId="0"/>
  </si>
  <si>
    <t>緊急通行車両等管理ファイル</t>
    <rPh sb="0" eb="6">
      <t>キンキュウツウコウシャリョウ</t>
    </rPh>
    <rPh sb="6" eb="7">
      <t>ナド</t>
    </rPh>
    <rPh sb="7" eb="9">
      <t>カンリ</t>
    </rPh>
    <phoneticPr fontId="0"/>
  </si>
  <si>
    <t>薬局データベース</t>
    <rPh sb="0" eb="2">
      <t>ヤッキョク</t>
    </rPh>
    <phoneticPr fontId="0"/>
  </si>
  <si>
    <t>美容所台帳</t>
    <rPh sb="0" eb="2">
      <t>ビヨウ</t>
    </rPh>
    <rPh sb="2" eb="3">
      <t>ショ</t>
    </rPh>
    <rPh sb="3" eb="5">
      <t>ダイチョウ</t>
    </rPh>
    <phoneticPr fontId="0"/>
  </si>
  <si>
    <t>宅地建物取引業免許事務等処理システム</t>
    <rPh sb="0" eb="2">
      <t>タクチ</t>
    </rPh>
    <rPh sb="2" eb="4">
      <t>タテモノ</t>
    </rPh>
    <rPh sb="4" eb="7">
      <t>トリヒキギョウ</t>
    </rPh>
    <rPh sb="7" eb="9">
      <t>メンキョ</t>
    </rPh>
    <rPh sb="9" eb="11">
      <t>ジム</t>
    </rPh>
    <rPh sb="11" eb="12">
      <t>トウ</t>
    </rPh>
    <rPh sb="12" eb="14">
      <t>ショリ</t>
    </rPh>
    <phoneticPr fontId="0"/>
  </si>
  <si>
    <t>建築物石綿含有建材に係る調査者派遣事業にて取り扱う登記データ</t>
    <rPh sb="0" eb="3">
      <t>ケンチクブツ</t>
    </rPh>
    <rPh sb="3" eb="5">
      <t>イシワタ</t>
    </rPh>
    <rPh sb="5" eb="7">
      <t>ガンユウ</t>
    </rPh>
    <rPh sb="7" eb="9">
      <t>ケンザイ</t>
    </rPh>
    <rPh sb="10" eb="11">
      <t>カカ</t>
    </rPh>
    <rPh sb="12" eb="14">
      <t>チョウサ</t>
    </rPh>
    <rPh sb="14" eb="15">
      <t>シャ</t>
    </rPh>
    <rPh sb="15" eb="17">
      <t>ハケン</t>
    </rPh>
    <rPh sb="17" eb="19">
      <t>ジギョウ</t>
    </rPh>
    <rPh sb="21" eb="22">
      <t>ト</t>
    </rPh>
    <rPh sb="23" eb="24">
      <t>アツカ</t>
    </rPh>
    <rPh sb="25" eb="27">
      <t>トウキ</t>
    </rPh>
    <phoneticPr fontId="0"/>
  </si>
  <si>
    <t>令和９年度全国高等学校総合体育大会に係る大会愛称等の応募者一覧</t>
    <rPh sb="0" eb="2">
      <t>レイワ</t>
    </rPh>
    <rPh sb="3" eb="5">
      <t>ネンド</t>
    </rPh>
    <rPh sb="5" eb="7">
      <t>ゼンコク</t>
    </rPh>
    <rPh sb="7" eb="9">
      <t>コウトウ</t>
    </rPh>
    <rPh sb="9" eb="11">
      <t>ガッコウ</t>
    </rPh>
    <rPh sb="11" eb="13">
      <t>ソウゴウ</t>
    </rPh>
    <rPh sb="13" eb="15">
      <t>タイイク</t>
    </rPh>
    <rPh sb="15" eb="17">
      <t>タイカイ</t>
    </rPh>
    <rPh sb="18" eb="19">
      <t>カカ</t>
    </rPh>
    <rPh sb="20" eb="22">
      <t>タイカイ</t>
    </rPh>
    <rPh sb="22" eb="24">
      <t>アイショウ</t>
    </rPh>
    <rPh sb="24" eb="25">
      <t>トウ</t>
    </rPh>
    <rPh sb="26" eb="29">
      <t>オウボシャ</t>
    </rPh>
    <rPh sb="29" eb="31">
      <t>イチラン</t>
    </rPh>
    <phoneticPr fontId="0"/>
  </si>
  <si>
    <t>卒業生台帳（全日制）</t>
    <rPh sb="0" eb="3">
      <t>ソツギョウセイ</t>
    </rPh>
    <rPh sb="3" eb="5">
      <t>ダイチョウ</t>
    </rPh>
    <rPh sb="6" eb="9">
      <t>ゼンニチセイ</t>
    </rPh>
    <phoneticPr fontId="14"/>
  </si>
  <si>
    <t>卒業生台帳（定時制）</t>
    <rPh sb="0" eb="3">
      <t>ソツギョウセイ</t>
    </rPh>
    <rPh sb="3" eb="5">
      <t>ダイチョウ</t>
    </rPh>
    <rPh sb="6" eb="9">
      <t>テイジセイ</t>
    </rPh>
    <phoneticPr fontId="14"/>
  </si>
  <si>
    <t>卒業生台帳</t>
    <rPh sb="0" eb="3">
      <t>ソツギョウセイ</t>
    </rPh>
    <rPh sb="3" eb="5">
      <t>ダイチョウ</t>
    </rPh>
    <phoneticPr fontId="14"/>
  </si>
  <si>
    <t>第97回選抜高校野球大会出場に係る寄附金一覧ファイル</t>
    <rPh sb="0" eb="1">
      <t>ダイ</t>
    </rPh>
    <rPh sb="3" eb="14">
      <t>カイセンバツコウコウヤキュウタイカイシュツジョウ</t>
    </rPh>
    <rPh sb="15" eb="16">
      <t>カカ</t>
    </rPh>
    <rPh sb="17" eb="20">
      <t>キフキン</t>
    </rPh>
    <rPh sb="20" eb="22">
      <t>イチラン</t>
    </rPh>
    <phoneticPr fontId="14"/>
  </si>
  <si>
    <t>かながわ障害者等用駐車区画利用証制度交付台帳</t>
    <rPh sb="4" eb="16">
      <t>ショウガイシャトウヨウチュウシャクカクリヨウショウ</t>
    </rPh>
    <rPh sb="16" eb="18">
      <t>セイド</t>
    </rPh>
    <rPh sb="18" eb="20">
      <t>コウフ</t>
    </rPh>
    <rPh sb="20" eb="22">
      <t>ダイチョウ</t>
    </rPh>
    <phoneticPr fontId="13"/>
  </si>
  <si>
    <t>中小企業生産性向上促進事業費補助金整理簿及び売上高等報告集計表</t>
    <rPh sb="20" eb="21">
      <t>オヨ</t>
    </rPh>
    <rPh sb="22" eb="24">
      <t>ウリアゲ</t>
    </rPh>
    <rPh sb="24" eb="25">
      <t>ダカ</t>
    </rPh>
    <rPh sb="25" eb="26">
      <t>ナド</t>
    </rPh>
    <rPh sb="26" eb="28">
      <t>ホウコク</t>
    </rPh>
    <rPh sb="28" eb="31">
      <t>シュウケイヒョウ</t>
    </rPh>
    <phoneticPr fontId="10"/>
  </si>
  <si>
    <t>補助金対象者一覧表(外国人学校児童・生徒学費軽減事業補助金用）</t>
    <rPh sb="0" eb="3">
      <t>ホジョキン</t>
    </rPh>
    <rPh sb="3" eb="5">
      <t>タイショウ</t>
    </rPh>
    <rPh sb="29" eb="30">
      <t>ヨウ</t>
    </rPh>
    <phoneticPr fontId="8"/>
  </si>
  <si>
    <t>高等学校等修学支援事業費補助金（高校生等臨時支援）給者台帳一覧</t>
    <rPh sb="0" eb="2">
      <t>コウトウ</t>
    </rPh>
    <rPh sb="2" eb="4">
      <t>ガッコウ</t>
    </rPh>
    <rPh sb="4" eb="5">
      <t>トウ</t>
    </rPh>
    <rPh sb="5" eb="7">
      <t>シュウガク</t>
    </rPh>
    <rPh sb="7" eb="9">
      <t>シエン</t>
    </rPh>
    <rPh sb="9" eb="12">
      <t>ジギョウヒ</t>
    </rPh>
    <rPh sb="12" eb="15">
      <t>ホジョキン</t>
    </rPh>
    <rPh sb="16" eb="19">
      <t>コウコウセイ</t>
    </rPh>
    <rPh sb="19" eb="20">
      <t>トウ</t>
    </rPh>
    <rPh sb="20" eb="22">
      <t>リンジ</t>
    </rPh>
    <phoneticPr fontId="8"/>
  </si>
  <si>
    <t>特定水産動植物等の国内流通の適正化等に関する法律に係る届出ファイル</t>
    <rPh sb="0" eb="2">
      <t>トクテイ</t>
    </rPh>
    <rPh sb="2" eb="4">
      <t>スイサン</t>
    </rPh>
    <rPh sb="4" eb="7">
      <t>ドウショクブツ</t>
    </rPh>
    <rPh sb="7" eb="8">
      <t>トウ</t>
    </rPh>
    <rPh sb="9" eb="11">
      <t>コクナイ</t>
    </rPh>
    <rPh sb="11" eb="13">
      <t>リュウツウ</t>
    </rPh>
    <rPh sb="14" eb="16">
      <t>テキセイ</t>
    </rPh>
    <rPh sb="16" eb="17">
      <t>カ</t>
    </rPh>
    <rPh sb="17" eb="18">
      <t>トウ</t>
    </rPh>
    <rPh sb="19" eb="20">
      <t>カン</t>
    </rPh>
    <rPh sb="22" eb="24">
      <t>ホウリツ</t>
    </rPh>
    <rPh sb="25" eb="26">
      <t>カカ</t>
    </rPh>
    <rPh sb="27" eb="29">
      <t>トドケデ</t>
    </rPh>
    <phoneticPr fontId="7"/>
  </si>
  <si>
    <t>補助金等の交付における申請者及び法人役員等の個人情報台帳</t>
    <rPh sb="26" eb="28">
      <t>ダイチョウ</t>
    </rPh>
    <phoneticPr fontId="7"/>
  </si>
  <si>
    <t>かながわ救急相談センター（♯7119）相談記録ファイル</t>
    <rPh sb="4" eb="8">
      <t>キュウキュウソウダン</t>
    </rPh>
    <rPh sb="19" eb="21">
      <t>ソウダン</t>
    </rPh>
    <rPh sb="21" eb="23">
      <t>キロク</t>
    </rPh>
    <phoneticPr fontId="0"/>
  </si>
  <si>
    <t>卒業生台帳</t>
    <rPh sb="0" eb="3">
      <t>ソツギョウセイ</t>
    </rPh>
    <rPh sb="3" eb="5">
      <t>ダイチョウ</t>
    </rPh>
    <phoneticPr fontId="0"/>
  </si>
  <si>
    <t>総務局総務室</t>
    <rPh sb="0" eb="2">
      <t>ソウム</t>
    </rPh>
    <rPh sb="2" eb="3">
      <t>キョク</t>
    </rPh>
    <rPh sb="3" eb="5">
      <t>ソウム</t>
    </rPh>
    <rPh sb="5" eb="6">
      <t>シツ</t>
    </rPh>
    <phoneticPr fontId="0"/>
  </si>
  <si>
    <t>総務局組織人材部行政管理課</t>
    <rPh sb="0" eb="2">
      <t>ソウム</t>
    </rPh>
    <rPh sb="2" eb="3">
      <t>キョク</t>
    </rPh>
    <rPh sb="3" eb="7">
      <t>ソシキジンザイ</t>
    </rPh>
    <rPh sb="7" eb="8">
      <t>ブ</t>
    </rPh>
    <rPh sb="8" eb="10">
      <t>ギョウセイ</t>
    </rPh>
    <rPh sb="10" eb="13">
      <t>カンリカ</t>
    </rPh>
    <phoneticPr fontId="0"/>
  </si>
  <si>
    <t>くらし安全防災局総務室</t>
    <rPh sb="0" eb="2">
      <t>ゼンコク</t>
    </rPh>
    <rPh sb="2" eb="5">
      <t>ヒナンシャ</t>
    </rPh>
    <rPh sb="5" eb="7">
      <t>ジョウホウヒナンシャメイボ</t>
    </rPh>
    <phoneticPr fontId="0"/>
  </si>
  <si>
    <t>くらし安全防災局くらし安全部消費生活課</t>
    <rPh sb="3" eb="5">
      <t>アンゼン</t>
    </rPh>
    <rPh sb="5" eb="7">
      <t>ボウサイ</t>
    </rPh>
    <rPh sb="7" eb="8">
      <t>キョク</t>
    </rPh>
    <rPh sb="11" eb="13">
      <t>アンゼン</t>
    </rPh>
    <rPh sb="13" eb="14">
      <t>ブ</t>
    </rPh>
    <rPh sb="14" eb="16">
      <t>ショウヒ</t>
    </rPh>
    <rPh sb="16" eb="18">
      <t>セイカツ</t>
    </rPh>
    <rPh sb="18" eb="19">
      <t>カ</t>
    </rPh>
    <phoneticPr fontId="0"/>
  </si>
  <si>
    <t>人事委員会事務局総務課</t>
    <rPh sb="0" eb="2">
      <t>ジンジ</t>
    </rPh>
    <rPh sb="2" eb="5">
      <t>イインカイ</t>
    </rPh>
    <rPh sb="5" eb="8">
      <t>ジムキョク</t>
    </rPh>
    <rPh sb="8" eb="11">
      <t>ソウムカ</t>
    </rPh>
    <phoneticPr fontId="0"/>
  </si>
  <si>
    <t>政策局自治振興部市町村課</t>
    <rPh sb="0" eb="2">
      <t>セイサク</t>
    </rPh>
    <rPh sb="2" eb="3">
      <t>キョク</t>
    </rPh>
    <rPh sb="3" eb="5">
      <t>ジチ</t>
    </rPh>
    <rPh sb="5" eb="7">
      <t>シンコウ</t>
    </rPh>
    <rPh sb="7" eb="8">
      <t>ブ</t>
    </rPh>
    <rPh sb="8" eb="11">
      <t>シチョウソン</t>
    </rPh>
    <rPh sb="11" eb="12">
      <t>カ</t>
    </rPh>
    <phoneticPr fontId="0"/>
  </si>
  <si>
    <t>総務局デジタル戦略本部室</t>
    <rPh sb="0" eb="3">
      <t>ソウムキョク</t>
    </rPh>
    <rPh sb="7" eb="12">
      <t>センリャクホンブシツ</t>
    </rPh>
    <phoneticPr fontId="0"/>
  </si>
  <si>
    <t>文化スポーツ観光局総務室</t>
    <rPh sb="0" eb="2">
      <t>ブンカ</t>
    </rPh>
    <rPh sb="6" eb="8">
      <t>カンコウ</t>
    </rPh>
    <rPh sb="8" eb="9">
      <t>キョク</t>
    </rPh>
    <rPh sb="9" eb="11">
      <t>ソウム</t>
    </rPh>
    <rPh sb="11" eb="12">
      <t>シツ</t>
    </rPh>
    <phoneticPr fontId="0"/>
  </si>
  <si>
    <t>文化スポーツ観光局スポーツ課</t>
    <rPh sb="0" eb="2">
      <t>ブンカ</t>
    </rPh>
    <rPh sb="6" eb="9">
      <t>カンコウキョク</t>
    </rPh>
    <rPh sb="13" eb="14">
      <t>カ</t>
    </rPh>
    <phoneticPr fontId="0"/>
  </si>
  <si>
    <t>政策局いのち・未来戦略本部室</t>
    <rPh sb="0" eb="2">
      <t>セイサク</t>
    </rPh>
    <rPh sb="2" eb="3">
      <t>キョク</t>
    </rPh>
    <rPh sb="7" eb="9">
      <t>ミライ</t>
    </rPh>
    <rPh sb="9" eb="11">
      <t>センリャク</t>
    </rPh>
    <rPh sb="11" eb="13">
      <t>ホンブ</t>
    </rPh>
    <rPh sb="13" eb="14">
      <t>シツ</t>
    </rPh>
    <phoneticPr fontId="0"/>
  </si>
  <si>
    <t>環境農政局総務室総務グループ</t>
    <rPh sb="0" eb="2">
      <t>カンキョウ</t>
    </rPh>
    <rPh sb="2" eb="5">
      <t>ノウセイキョク</t>
    </rPh>
    <rPh sb="5" eb="7">
      <t>ソウム</t>
    </rPh>
    <rPh sb="7" eb="8">
      <t>シツ</t>
    </rPh>
    <rPh sb="8" eb="10">
      <t>ソウム</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農水産部農地課、各地域県政総合センター農政部地域農政推進課</t>
    <rPh sb="0" eb="2">
      <t>カンキョウ</t>
    </rPh>
    <rPh sb="2" eb="5">
      <t>ノウセイキョク</t>
    </rPh>
    <rPh sb="5" eb="8">
      <t>ノウスイサン</t>
    </rPh>
    <rPh sb="8" eb="9">
      <t>ブ</t>
    </rPh>
    <rPh sb="9" eb="12">
      <t>ノウチカ</t>
    </rPh>
    <rPh sb="13" eb="14">
      <t>カク</t>
    </rPh>
    <rPh sb="14" eb="16">
      <t>チイキ</t>
    </rPh>
    <rPh sb="16" eb="18">
      <t>ケンセイ</t>
    </rPh>
    <rPh sb="18" eb="20">
      <t>ソウゴウ</t>
    </rPh>
    <rPh sb="24" eb="27">
      <t>ノウセイブ</t>
    </rPh>
    <rPh sb="27" eb="29">
      <t>チイキ</t>
    </rPh>
    <rPh sb="29" eb="31">
      <t>ノウセイ</t>
    </rPh>
    <rPh sb="31" eb="34">
      <t>スイシン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業振興課、農業技術センター、畜産技術センター、かながわ農業アカデミー</t>
    <rPh sb="0" eb="2">
      <t>カンキョウ</t>
    </rPh>
    <rPh sb="2" eb="5">
      <t>ノウセイキョク</t>
    </rPh>
    <rPh sb="5" eb="6">
      <t>ノウ</t>
    </rPh>
    <rPh sb="6" eb="8">
      <t>スイサン</t>
    </rPh>
    <rPh sb="8" eb="9">
      <t>ブ</t>
    </rPh>
    <rPh sb="9" eb="11">
      <t>ノウギョウ</t>
    </rPh>
    <rPh sb="11" eb="14">
      <t>シンコウカ</t>
    </rPh>
    <rPh sb="15" eb="17">
      <t>ノウギョウ</t>
    </rPh>
    <rPh sb="17" eb="19">
      <t>ギジュツ</t>
    </rPh>
    <rPh sb="24" eb="26">
      <t>チクサン</t>
    </rPh>
    <rPh sb="26" eb="28">
      <t>ギジュツ</t>
    </rPh>
    <rPh sb="37" eb="39">
      <t>ノウギョウ</t>
    </rPh>
    <phoneticPr fontId="0"/>
  </si>
  <si>
    <t>環境農政局脱炭素戦略本部室</t>
    <rPh sb="0" eb="2">
      <t>カンキョウ</t>
    </rPh>
    <rPh sb="2" eb="5">
      <t>ノウセイキョク</t>
    </rPh>
    <rPh sb="5" eb="13">
      <t>ダツタンソセンリャクホンブシツ</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労働部産業人材課</t>
    <rPh sb="0" eb="2">
      <t>サンギョウ</t>
    </rPh>
    <rPh sb="2" eb="4">
      <t>ロウドウ</t>
    </rPh>
    <rPh sb="4" eb="5">
      <t>キョク</t>
    </rPh>
    <rPh sb="5" eb="7">
      <t>ロウドウ</t>
    </rPh>
    <rPh sb="7" eb="8">
      <t>ブ</t>
    </rPh>
    <rPh sb="8" eb="10">
      <t>サンギョウ</t>
    </rPh>
    <rPh sb="10" eb="12">
      <t>ジンザイ</t>
    </rPh>
    <rPh sb="12" eb="13">
      <t>カ</t>
    </rPh>
    <phoneticPr fontId="0"/>
  </si>
  <si>
    <t>産業労働局労働部産業人材課</t>
    <rPh sb="0" eb="8">
      <t>サンギョウロウドウキョクロウドウブ</t>
    </rPh>
    <rPh sb="8" eb="13">
      <t>サンギョウジンザイカ</t>
    </rPh>
    <phoneticPr fontId="0"/>
  </si>
  <si>
    <t>かながわ電子入札共同システム利用各課所</t>
    <rPh sb="4" eb="6">
      <t>デンシ</t>
    </rPh>
    <rPh sb="6" eb="8">
      <t>ニュウサツ</t>
    </rPh>
    <rPh sb="8" eb="10">
      <t>キョウドウ</t>
    </rPh>
    <rPh sb="14" eb="16">
      <t>リヨウ</t>
    </rPh>
    <phoneticPr fontId="0"/>
  </si>
  <si>
    <t>福祉子どもみらい局子どもみらい部子ども家庭課、各保健福祉事務所</t>
    <rPh sb="0" eb="2">
      <t>フクシ</t>
    </rPh>
    <rPh sb="2" eb="3">
      <t>コ</t>
    </rPh>
    <rPh sb="8" eb="9">
      <t>キョク</t>
    </rPh>
    <rPh sb="9" eb="10">
      <t>コ</t>
    </rPh>
    <rPh sb="15" eb="16">
      <t>ブ</t>
    </rPh>
    <phoneticPr fontId="0"/>
  </si>
  <si>
    <t>福祉子どもみらい局子どもみらい部子ども家庭課、各児童相談所</t>
    <rPh sb="16" eb="17">
      <t>コ</t>
    </rPh>
    <rPh sb="19" eb="21">
      <t>カテイ</t>
    </rPh>
    <rPh sb="21" eb="22">
      <t>カ</t>
    </rPh>
    <rPh sb="23" eb="26">
      <t>カクジドウ</t>
    </rPh>
    <rPh sb="26" eb="28">
      <t>ソウダン</t>
    </rPh>
    <rPh sb="28" eb="29">
      <t>ジョ</t>
    </rPh>
    <phoneticPr fontId="0"/>
  </si>
  <si>
    <t>福祉子どもみらい局子どもみらい部子ども家庭課</t>
    <rPh sb="0" eb="3">
      <t>フクシコ</t>
    </rPh>
    <rPh sb="9" eb="10">
      <t>コ</t>
    </rPh>
    <rPh sb="15" eb="16">
      <t>ブ</t>
    </rPh>
    <rPh sb="16" eb="17">
      <t>コ</t>
    </rPh>
    <rPh sb="19" eb="22">
      <t>カテイカ</t>
    </rPh>
    <phoneticPr fontId="0"/>
  </si>
  <si>
    <t>福祉子どもみらい局子どもみらい部子ども家庭課</t>
    <rPh sb="16" eb="17">
      <t>コ</t>
    </rPh>
    <rPh sb="19" eb="22">
      <t>カテイカ</t>
    </rPh>
    <phoneticPr fontId="0"/>
  </si>
  <si>
    <t>健康医療局総務室</t>
    <rPh sb="0" eb="2">
      <t>ケンコウ</t>
    </rPh>
    <rPh sb="2" eb="4">
      <t>イリョウ</t>
    </rPh>
    <rPh sb="4" eb="5">
      <t>キョク</t>
    </rPh>
    <rPh sb="5" eb="7">
      <t>ソウム</t>
    </rPh>
    <rPh sb="7" eb="8">
      <t>シツ</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0"/>
  </si>
  <si>
    <t>健康医療局生活衛生部生活衛生課、健康医療局生活衛生部薬務課、各保健福祉事務所</t>
    <rPh sb="10" eb="12">
      <t>セイカツ</t>
    </rPh>
    <rPh sb="12" eb="15">
      <t>エイセイカ</t>
    </rPh>
    <rPh sb="26" eb="29">
      <t>ヤクムカ</t>
    </rPh>
    <rPh sb="30" eb="31">
      <t>カク</t>
    </rPh>
    <rPh sb="31" eb="33">
      <t>ホケン</t>
    </rPh>
    <rPh sb="33" eb="35">
      <t>フクシ</t>
    </rPh>
    <rPh sb="35" eb="37">
      <t>ジム</t>
    </rPh>
    <rPh sb="37" eb="38">
      <t>ショ</t>
    </rPh>
    <phoneticPr fontId="0"/>
  </si>
  <si>
    <t>健康医療局生活衛生部生活衛生課、健康医療局生活衛生部薬務課、各保健福祉事務所、食肉衛生検査所</t>
    <rPh sb="10" eb="12">
      <t>セイカツ</t>
    </rPh>
    <rPh sb="12" eb="15">
      <t>エイセイカ</t>
    </rPh>
    <rPh sb="26" eb="29">
      <t>ヤクムカ</t>
    </rPh>
    <rPh sb="30" eb="31">
      <t>カク</t>
    </rPh>
    <rPh sb="31" eb="33">
      <t>ホケン</t>
    </rPh>
    <rPh sb="33" eb="35">
      <t>フクシ</t>
    </rPh>
    <rPh sb="35" eb="37">
      <t>ジム</t>
    </rPh>
    <rPh sb="37" eb="38">
      <t>ショ</t>
    </rPh>
    <rPh sb="39" eb="46">
      <t>ショクニクエイセイケンサジョ</t>
    </rPh>
    <phoneticPr fontId="0"/>
  </si>
  <si>
    <t>健康医療局生活衛生部生活衛生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食肉衛生検査所</t>
    <rPh sb="0" eb="2">
      <t>ケンコウ</t>
    </rPh>
    <rPh sb="2" eb="4">
      <t>イリョウ</t>
    </rPh>
    <rPh sb="4" eb="5">
      <t>キョク</t>
    </rPh>
    <rPh sb="5" eb="7">
      <t>セイカツ</t>
    </rPh>
    <rPh sb="7" eb="9">
      <t>エイセイ</t>
    </rPh>
    <rPh sb="9" eb="10">
      <t>ブ</t>
    </rPh>
    <rPh sb="10" eb="12">
      <t>セイカツ</t>
    </rPh>
    <rPh sb="12" eb="15">
      <t>エイセイカ</t>
    </rPh>
    <rPh sb="16" eb="25">
      <t>ヒラツカホケンフクシジムショ</t>
    </rPh>
    <rPh sb="26" eb="37">
      <t>ヒラツカホケンフクシジムショハダノ</t>
    </rPh>
    <rPh sb="42" eb="51">
      <t>カマクラホケンフクシジムショ</t>
    </rPh>
    <rPh sb="52" eb="61">
      <t>カマクラホケンフクシジムショ</t>
    </rPh>
    <rPh sb="61" eb="63">
      <t>ミサキ</t>
    </rPh>
    <rPh sb="68" eb="77">
      <t>オダワラホケンフクシジム</t>
    </rPh>
    <rPh sb="77" eb="78">
      <t>ショ</t>
    </rPh>
    <rPh sb="79" eb="89">
      <t>オダワラホケンフクシジムショ</t>
    </rPh>
    <rPh sb="89" eb="92">
      <t>アシガラカミ</t>
    </rPh>
    <rPh sb="97" eb="106">
      <t>アツギホケンフクシジムショ</t>
    </rPh>
    <rPh sb="107" eb="116">
      <t>アツギホケンフクシジムショ</t>
    </rPh>
    <rPh sb="116" eb="118">
      <t>ヤマト</t>
    </rPh>
    <rPh sb="123" eb="130">
      <t>ショクニクエイセイケンサジョ</t>
    </rPh>
    <phoneticPr fontId="0"/>
  </si>
  <si>
    <t>健康医療局生活衛生部生活衛生課、各保健福祉事務所</t>
    <rPh sb="0" eb="2">
      <t>ケンコウ</t>
    </rPh>
    <rPh sb="2" eb="4">
      <t>イリョウ</t>
    </rPh>
    <rPh sb="4" eb="5">
      <t>キョク</t>
    </rPh>
    <rPh sb="5" eb="7">
      <t>セイカツ</t>
    </rPh>
    <rPh sb="7" eb="9">
      <t>エイセイ</t>
    </rPh>
    <rPh sb="9" eb="10">
      <t>ブ</t>
    </rPh>
    <rPh sb="10" eb="12">
      <t>セイカツ</t>
    </rPh>
    <rPh sb="12" eb="15">
      <t>エイセイカ</t>
    </rPh>
    <rPh sb="16" eb="17">
      <t>カク</t>
    </rPh>
    <rPh sb="17" eb="19">
      <t>ホケン</t>
    </rPh>
    <rPh sb="19" eb="21">
      <t>フクシ</t>
    </rPh>
    <rPh sb="21" eb="23">
      <t>ジム</t>
    </rPh>
    <rPh sb="23" eb="24">
      <t>ショ</t>
    </rPh>
    <phoneticPr fontId="0"/>
  </si>
  <si>
    <t>健康医療局生活衛生部薬務課、各保健福祉事務所</t>
    <rPh sb="0" eb="2">
      <t>ケンコウ</t>
    </rPh>
    <rPh sb="2" eb="4">
      <t>イリョウ</t>
    </rPh>
    <rPh sb="4" eb="5">
      <t>キョク</t>
    </rPh>
    <rPh sb="5" eb="7">
      <t>セイカツ</t>
    </rPh>
    <rPh sb="7" eb="9">
      <t>エイセイ</t>
    </rPh>
    <rPh sb="9" eb="10">
      <t>ブ</t>
    </rPh>
    <rPh sb="10" eb="13">
      <t>ヤクムカ</t>
    </rPh>
    <rPh sb="14" eb="15">
      <t>カク</t>
    </rPh>
    <rPh sb="15" eb="17">
      <t>ホケン</t>
    </rPh>
    <rPh sb="17" eb="19">
      <t>フクシ</t>
    </rPh>
    <rPh sb="19" eb="21">
      <t>ジム</t>
    </rPh>
    <rPh sb="21" eb="22">
      <t>ショ</t>
    </rPh>
    <phoneticPr fontId="0"/>
  </si>
  <si>
    <t>健康医療局保健医療部健康増進課</t>
    <rPh sb="0" eb="2">
      <t>ケンコウ</t>
    </rPh>
    <rPh sb="2" eb="4">
      <t>イリョウ</t>
    </rPh>
    <rPh sb="4" eb="5">
      <t>キョク</t>
    </rPh>
    <rPh sb="5" eb="7">
      <t>ホケン</t>
    </rPh>
    <rPh sb="7" eb="9">
      <t>イリョウ</t>
    </rPh>
    <rPh sb="9" eb="10">
      <t>ブ</t>
    </rPh>
    <phoneticPr fontId="0"/>
  </si>
  <si>
    <t>健康医療局保健医療部健康増進課</t>
    <rPh sb="0" eb="4">
      <t>ケンコウイリョウ</t>
    </rPh>
    <rPh sb="4" eb="5">
      <t>キョク</t>
    </rPh>
    <rPh sb="5" eb="7">
      <t>ホケン</t>
    </rPh>
    <rPh sb="7" eb="9">
      <t>イリョウ</t>
    </rPh>
    <rPh sb="9" eb="10">
      <t>ブ</t>
    </rPh>
    <rPh sb="10" eb="12">
      <t>ケンコウ</t>
    </rPh>
    <rPh sb="12" eb="15">
      <t>ゾウシン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産業労働局産業技術短期大学校管理課</t>
    <rPh sb="0" eb="2">
      <t>サンギョウ</t>
    </rPh>
    <rPh sb="2" eb="4">
      <t>ロウドウ</t>
    </rPh>
    <rPh sb="4" eb="5">
      <t>キョク</t>
    </rPh>
    <rPh sb="5" eb="7">
      <t>サンギョウ</t>
    </rPh>
    <rPh sb="7" eb="14">
      <t>ギジュツタンキダイガッコウ</t>
    </rPh>
    <rPh sb="14" eb="16">
      <t>カンリ</t>
    </rPh>
    <rPh sb="16" eb="17">
      <t>カ</t>
    </rPh>
    <phoneticPr fontId="0"/>
  </si>
  <si>
    <t>産業労働局中小企業部商業流通課</t>
    <rPh sb="0" eb="2">
      <t>サンギョウ</t>
    </rPh>
    <rPh sb="2" eb="4">
      <t>ロウドウ</t>
    </rPh>
    <rPh sb="4" eb="5">
      <t>キョク</t>
    </rPh>
    <rPh sb="5" eb="7">
      <t>チュウショウ</t>
    </rPh>
    <rPh sb="7" eb="9">
      <t>キギョウ</t>
    </rPh>
    <rPh sb="9" eb="10">
      <t>ブ</t>
    </rPh>
    <rPh sb="10" eb="15">
      <t>ショウギョウリュウツウカ</t>
    </rPh>
    <phoneticPr fontId="0"/>
  </si>
  <si>
    <t>県土整備局都市部都市整備課</t>
    <rPh sb="0" eb="2">
      <t>ケンド</t>
    </rPh>
    <rPh sb="2" eb="4">
      <t>セイビ</t>
    </rPh>
    <rPh sb="4" eb="5">
      <t>キョク</t>
    </rPh>
    <rPh sb="5" eb="8">
      <t>トシブ</t>
    </rPh>
    <rPh sb="8" eb="13">
      <t>トシセイビカ</t>
    </rPh>
    <phoneticPr fontId="0"/>
  </si>
  <si>
    <t>県土整備局事業管理部建設業課</t>
    <rPh sb="0" eb="2">
      <t>ケンド</t>
    </rPh>
    <rPh sb="2" eb="4">
      <t>セイビ</t>
    </rPh>
    <rPh sb="4" eb="5">
      <t>キョク</t>
    </rPh>
    <rPh sb="5" eb="7">
      <t>ジギョウ</t>
    </rPh>
    <rPh sb="7" eb="9">
      <t>カンリ</t>
    </rPh>
    <rPh sb="9" eb="10">
      <t>ブ</t>
    </rPh>
    <rPh sb="10" eb="13">
      <t>ケンセツギョウ</t>
    </rPh>
    <rPh sb="13" eb="14">
      <t>カ</t>
    </rPh>
    <phoneticPr fontId="0"/>
  </si>
  <si>
    <t>政策局統計センター</t>
    <rPh sb="0" eb="2">
      <t>セイサク</t>
    </rPh>
    <rPh sb="2" eb="3">
      <t>キョク</t>
    </rPh>
    <rPh sb="3" eb="5">
      <t>トウケイ</t>
    </rPh>
    <phoneticPr fontId="0"/>
  </si>
  <si>
    <t>福祉子どもみらい局福祉部地域福祉課</t>
    <rPh sb="0" eb="3">
      <t>フクシコ</t>
    </rPh>
    <rPh sb="8" eb="9">
      <t>キョク</t>
    </rPh>
    <rPh sb="9" eb="11">
      <t>フクシ</t>
    </rPh>
    <rPh sb="11" eb="12">
      <t>ブ</t>
    </rPh>
    <rPh sb="12" eb="17">
      <t>チイキフクシカ</t>
    </rPh>
    <phoneticPr fontId="0"/>
  </si>
  <si>
    <t>企画部情報戦略課</t>
    <rPh sb="0" eb="3">
      <t>キカクブ</t>
    </rPh>
    <rPh sb="3" eb="8">
      <t>ジョウホウセンリャクカ</t>
    </rPh>
    <phoneticPr fontId="0"/>
  </si>
  <si>
    <t>川崎技術支援部</t>
    <rPh sb="0" eb="7">
      <t>カワサキギジュツシエンブ</t>
    </rPh>
    <phoneticPr fontId="0"/>
  </si>
  <si>
    <t>教育研修課</t>
    <rPh sb="0" eb="5">
      <t>キョウイクケンシュウカ</t>
    </rPh>
    <phoneticPr fontId="0"/>
  </si>
  <si>
    <t>事業化支援部支援企画課</t>
    <rPh sb="0" eb="6">
      <t>ジギョウカシエンブ</t>
    </rPh>
    <rPh sb="6" eb="11">
      <t>シエンキカクカ</t>
    </rPh>
    <phoneticPr fontId="0"/>
  </si>
  <si>
    <t>政策局政策部政策法務課</t>
    <rPh sb="0" eb="2">
      <t>セイサク</t>
    </rPh>
    <rPh sb="2" eb="3">
      <t>キョク</t>
    </rPh>
    <rPh sb="3" eb="5">
      <t>セイサク</t>
    </rPh>
    <rPh sb="5" eb="6">
      <t>ブ</t>
    </rPh>
    <rPh sb="6" eb="8">
      <t>セイサク</t>
    </rPh>
    <rPh sb="8" eb="10">
      <t>ホウム</t>
    </rPh>
    <rPh sb="10" eb="11">
      <t>カ</t>
    </rPh>
    <phoneticPr fontId="0"/>
  </si>
  <si>
    <t>政策局総務室</t>
    <rPh sb="0" eb="2">
      <t>セイサク</t>
    </rPh>
    <rPh sb="2" eb="3">
      <t>キョク</t>
    </rPh>
    <rPh sb="3" eb="5">
      <t>ソウム</t>
    </rPh>
    <rPh sb="5" eb="6">
      <t>シツ</t>
    </rPh>
    <phoneticPr fontId="0"/>
  </si>
  <si>
    <t>政策局政策部総合政策課</t>
    <rPh sb="0" eb="2">
      <t>セイサク</t>
    </rPh>
    <rPh sb="2" eb="3">
      <t>キョク</t>
    </rPh>
    <rPh sb="3" eb="5">
      <t>セイサク</t>
    </rPh>
    <rPh sb="5" eb="6">
      <t>ブ</t>
    </rPh>
    <rPh sb="6" eb="8">
      <t>ソウゴウ</t>
    </rPh>
    <rPh sb="8" eb="10">
      <t>セイサク</t>
    </rPh>
    <rPh sb="10" eb="11">
      <t>カ</t>
    </rPh>
    <phoneticPr fontId="0"/>
  </si>
  <si>
    <t>総務局財務部財政課</t>
    <rPh sb="0" eb="2">
      <t>ソウム</t>
    </rPh>
    <rPh sb="2" eb="3">
      <t>キョク</t>
    </rPh>
    <rPh sb="3" eb="5">
      <t>ザイム</t>
    </rPh>
    <rPh sb="5" eb="6">
      <t>ブ</t>
    </rPh>
    <rPh sb="6" eb="9">
      <t>ザイセイカ</t>
    </rPh>
    <phoneticPr fontId="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文化スポーツ観光局国際課</t>
    <rPh sb="0" eb="2">
      <t>ブンカ</t>
    </rPh>
    <rPh sb="6" eb="9">
      <t>カンコウキョク</t>
    </rPh>
    <phoneticPr fontId="0"/>
  </si>
  <si>
    <t>文化スポーツ観光局観光課</t>
    <rPh sb="0" eb="2">
      <t>ブンカ</t>
    </rPh>
    <rPh sb="6" eb="9">
      <t>カンコウキョク</t>
    </rPh>
    <rPh sb="9" eb="11">
      <t>カンコウ</t>
    </rPh>
    <rPh sb="11" eb="12">
      <t>カ</t>
    </rPh>
    <phoneticPr fontId="0"/>
  </si>
  <si>
    <t>環境農政局環境科学センター</t>
    <rPh sb="0" eb="2">
      <t>カンキョウ</t>
    </rPh>
    <rPh sb="2" eb="5">
      <t>ノウセイキョク</t>
    </rPh>
    <rPh sb="5" eb="7">
      <t>カンキョウ</t>
    </rPh>
    <rPh sb="7" eb="9">
      <t>カガク</t>
    </rPh>
    <phoneticPr fontId="0"/>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rPh sb="0" eb="2">
      <t>カンキョウ</t>
    </rPh>
    <rPh sb="2" eb="5">
      <t>ノウセイキョク</t>
    </rPh>
    <rPh sb="5" eb="7">
      <t>カンキョウ</t>
    </rPh>
    <rPh sb="7" eb="8">
      <t>ブ</t>
    </rPh>
    <rPh sb="8" eb="10">
      <t>シゲン</t>
    </rPh>
    <rPh sb="10" eb="12">
      <t>ジュンカン</t>
    </rPh>
    <rPh sb="12" eb="14">
      <t>スイシン</t>
    </rPh>
    <rPh sb="14" eb="15">
      <t>カ</t>
    </rPh>
    <rPh sb="16" eb="19">
      <t>ヨコスカ</t>
    </rPh>
    <rPh sb="19" eb="21">
      <t>ミウラ</t>
    </rPh>
    <rPh sb="21" eb="23">
      <t>チイキ</t>
    </rPh>
    <rPh sb="23" eb="25">
      <t>ケンセイ</t>
    </rPh>
    <rPh sb="25" eb="27">
      <t>ソウゴウ</t>
    </rPh>
    <rPh sb="31" eb="33">
      <t>カンキョウ</t>
    </rPh>
    <rPh sb="33" eb="34">
      <t>ブ</t>
    </rPh>
    <rPh sb="34" eb="36">
      <t>カンキョウ</t>
    </rPh>
    <rPh sb="36" eb="37">
      <t>カ</t>
    </rPh>
    <rPh sb="38" eb="40">
      <t>ケンオウ</t>
    </rPh>
    <rPh sb="40" eb="42">
      <t>チイキ</t>
    </rPh>
    <rPh sb="42" eb="46">
      <t>ケンセイソウゴウ</t>
    </rPh>
    <rPh sb="50" eb="52">
      <t>カンキョウ</t>
    </rPh>
    <rPh sb="52" eb="53">
      <t>ブ</t>
    </rPh>
    <rPh sb="53" eb="55">
      <t>カンキョウ</t>
    </rPh>
    <rPh sb="55" eb="57">
      <t>チョウセイ</t>
    </rPh>
    <rPh sb="57" eb="58">
      <t>カ</t>
    </rPh>
    <rPh sb="59" eb="61">
      <t>ショウナン</t>
    </rPh>
    <rPh sb="61" eb="63">
      <t>チイキ</t>
    </rPh>
    <rPh sb="63" eb="67">
      <t>ケンセイソウゴウ</t>
    </rPh>
    <rPh sb="71" eb="73">
      <t>カンキョウ</t>
    </rPh>
    <rPh sb="73" eb="74">
      <t>ブ</t>
    </rPh>
    <rPh sb="74" eb="78">
      <t>カンキョウチョウセイ</t>
    </rPh>
    <rPh sb="78" eb="79">
      <t>カ</t>
    </rPh>
    <rPh sb="80" eb="81">
      <t>ケン</t>
    </rPh>
    <rPh sb="81" eb="82">
      <t>ニシ</t>
    </rPh>
    <rPh sb="82" eb="88">
      <t>チイキケンセイソウゴウ</t>
    </rPh>
    <rPh sb="92" eb="97">
      <t>カンキョウブカンキョウ</t>
    </rPh>
    <rPh sb="97" eb="99">
      <t>チョウセイ</t>
    </rPh>
    <rPh sb="99" eb="100">
      <t>カ</t>
    </rPh>
    <phoneticPr fontId="0"/>
  </si>
  <si>
    <t>環境農政局環境部資源循環推進課</t>
    <rPh sb="0" eb="5">
      <t>カンキョウノウセイキョク</t>
    </rPh>
    <rPh sb="5" eb="7">
      <t>カンキョウ</t>
    </rPh>
    <rPh sb="7" eb="8">
      <t>ブ</t>
    </rPh>
    <rPh sb="8" eb="15">
      <t>シゲンジュンカンスイシンカ</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環境農政局緑政部自然環境保全課</t>
    <rPh sb="0" eb="7">
      <t>カンキョウノウセイキョクリョクセイ</t>
    </rPh>
    <rPh sb="7" eb="8">
      <t>ブ</t>
    </rPh>
    <rPh sb="8" eb="15">
      <t>シゼンカンキョウホゼンカ</t>
    </rPh>
    <phoneticPr fontId="0"/>
  </si>
  <si>
    <t>福祉子どもみらい局福祉部生活援護課</t>
    <rPh sb="0" eb="2">
      <t>フクシ</t>
    </rPh>
    <rPh sb="2" eb="3">
      <t>コ</t>
    </rPh>
    <rPh sb="8" eb="9">
      <t>キョク</t>
    </rPh>
    <rPh sb="9" eb="11">
      <t>フクシ</t>
    </rPh>
    <rPh sb="11" eb="12">
      <t>ブ</t>
    </rPh>
    <rPh sb="12" eb="14">
      <t>セイカツ</t>
    </rPh>
    <rPh sb="14" eb="16">
      <t>エンゴ</t>
    </rPh>
    <rPh sb="16" eb="17">
      <t>カ</t>
    </rPh>
    <phoneticPr fontId="0"/>
  </si>
  <si>
    <t>福祉子どもみらい局福祉部生活援護課、健康医療局平塚保健福祉事務所、平塚保健福祉事務所茅ケ崎支所、鎌倉保健福祉事務所、小田原保健福祉事務所、小田原保健福祉事務所足柄上センター、厚木保健福祉事務所</t>
    <rPh sb="0" eb="2">
      <t>フクシ</t>
    </rPh>
    <rPh sb="2" eb="3">
      <t>コ</t>
    </rPh>
    <rPh sb="8" eb="9">
      <t>キョク</t>
    </rPh>
    <rPh sb="9" eb="11">
      <t>フクシ</t>
    </rPh>
    <rPh sb="11" eb="12">
      <t>ブ</t>
    </rPh>
    <rPh sb="12" eb="14">
      <t>セイカツ</t>
    </rPh>
    <rPh sb="14" eb="16">
      <t>エンゴ</t>
    </rPh>
    <rPh sb="16" eb="17">
      <t>カ</t>
    </rPh>
    <rPh sb="18" eb="20">
      <t>ケンコウ</t>
    </rPh>
    <rPh sb="20" eb="22">
      <t>イリョウ</t>
    </rPh>
    <rPh sb="22" eb="23">
      <t>キョク</t>
    </rPh>
    <rPh sb="23" eb="25">
      <t>ヒラツカ</t>
    </rPh>
    <rPh sb="25" eb="27">
      <t>ホケン</t>
    </rPh>
    <rPh sb="27" eb="29">
      <t>フクシ</t>
    </rPh>
    <rPh sb="29" eb="31">
      <t>ジム</t>
    </rPh>
    <rPh sb="31" eb="32">
      <t>ショ</t>
    </rPh>
    <rPh sb="33" eb="35">
      <t>ヒラツカ</t>
    </rPh>
    <rPh sb="35" eb="37">
      <t>ホケン</t>
    </rPh>
    <rPh sb="37" eb="39">
      <t>フクシ</t>
    </rPh>
    <rPh sb="39" eb="41">
      <t>ジム</t>
    </rPh>
    <rPh sb="41" eb="42">
      <t>ショ</t>
    </rPh>
    <rPh sb="42" eb="45">
      <t>チガサキ</t>
    </rPh>
    <rPh sb="45" eb="47">
      <t>シショ</t>
    </rPh>
    <rPh sb="58" eb="61">
      <t>オダワラ</t>
    </rPh>
    <rPh sb="61" eb="63">
      <t>ホケン</t>
    </rPh>
    <rPh sb="63" eb="65">
      <t>フクシ</t>
    </rPh>
    <rPh sb="65" eb="67">
      <t>ジム</t>
    </rPh>
    <rPh sb="67" eb="68">
      <t>ショ</t>
    </rPh>
    <rPh sb="69" eb="72">
      <t>オダワラ</t>
    </rPh>
    <rPh sb="72" eb="74">
      <t>ホケン</t>
    </rPh>
    <rPh sb="74" eb="76">
      <t>フクシ</t>
    </rPh>
    <rPh sb="76" eb="78">
      <t>ジム</t>
    </rPh>
    <rPh sb="78" eb="79">
      <t>ショ</t>
    </rPh>
    <rPh sb="79" eb="81">
      <t>アシガラ</t>
    </rPh>
    <rPh sb="81" eb="82">
      <t>カミ</t>
    </rPh>
    <rPh sb="87" eb="89">
      <t>アツギ</t>
    </rPh>
    <rPh sb="89" eb="91">
      <t>ホケン</t>
    </rPh>
    <rPh sb="91" eb="93">
      <t>フクシ</t>
    </rPh>
    <rPh sb="93" eb="95">
      <t>ジム</t>
    </rPh>
    <rPh sb="95" eb="96">
      <t>ショ</t>
    </rPh>
    <phoneticPr fontId="0"/>
  </si>
  <si>
    <t>福祉子どもみらい局福祉部生活援護課</t>
    <rPh sb="0" eb="2">
      <t>フクシ</t>
    </rPh>
    <rPh sb="2" eb="3">
      <t>コ</t>
    </rPh>
    <rPh sb="8" eb="9">
      <t>キョク</t>
    </rPh>
    <rPh sb="9" eb="17">
      <t>フクシブセイカツエンゴ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健康医療局保健医療部がん・疾病対策課、地方独立行政法人神奈川県立病院機構神奈川県立がんセンター</t>
    <rPh sb="0" eb="2">
      <t>ケンコウ</t>
    </rPh>
    <rPh sb="2" eb="4">
      <t>イリョウ</t>
    </rPh>
    <rPh sb="4" eb="5">
      <t>キョク</t>
    </rPh>
    <rPh sb="5" eb="7">
      <t>ホケン</t>
    </rPh>
    <rPh sb="7" eb="9">
      <t>イリョウ</t>
    </rPh>
    <rPh sb="9" eb="10">
      <t>ブ</t>
    </rPh>
    <rPh sb="13" eb="18">
      <t>シッペイタイサクカ</t>
    </rPh>
    <rPh sb="19" eb="21">
      <t>チホウ</t>
    </rPh>
    <rPh sb="21" eb="23">
      <t>ドクリツ</t>
    </rPh>
    <rPh sb="23" eb="25">
      <t>ギョウセイ</t>
    </rPh>
    <rPh sb="25" eb="27">
      <t>ホウジン</t>
    </rPh>
    <rPh sb="27" eb="31">
      <t>カナガワケン</t>
    </rPh>
    <rPh sb="31" eb="32">
      <t>リツ</t>
    </rPh>
    <rPh sb="32" eb="34">
      <t>ビョウイン</t>
    </rPh>
    <rPh sb="34" eb="36">
      <t>キコウ</t>
    </rPh>
    <rPh sb="36" eb="40">
      <t>カナガワケン</t>
    </rPh>
    <rPh sb="40" eb="41">
      <t>リツ</t>
    </rPh>
    <phoneticPr fontId="0"/>
  </si>
  <si>
    <t>健康医療局よこはま看護専門学校</t>
    <rPh sb="0" eb="2">
      <t>ケンコウ</t>
    </rPh>
    <rPh sb="2" eb="4">
      <t>イリョウ</t>
    </rPh>
    <rPh sb="4" eb="5">
      <t>キョク</t>
    </rPh>
    <rPh sb="9" eb="15">
      <t>カンゴセンモンガッコウ</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整備・人材課</t>
    <rPh sb="0" eb="5">
      <t>ケンコウイリョウキョク</t>
    </rPh>
    <rPh sb="5" eb="7">
      <t>ホケン</t>
    </rPh>
    <rPh sb="7" eb="9">
      <t>イリョウ</t>
    </rPh>
    <rPh sb="9" eb="10">
      <t>ブ</t>
    </rPh>
    <rPh sb="10" eb="14">
      <t>イリョウセイビ</t>
    </rPh>
    <rPh sb="15" eb="18">
      <t>ジンザイカ</t>
    </rPh>
    <phoneticPr fontId="0"/>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rPh sb="19" eb="28">
      <t>ヒラツカホケンフクシジムショ</t>
    </rPh>
    <rPh sb="29" eb="38">
      <t>ヒラツカホケンフクシジムショ</t>
    </rPh>
    <rPh sb="38" eb="40">
      <t>ハダノ</t>
    </rPh>
    <rPh sb="45" eb="54">
      <t>カマクラホケンフクシジムショ</t>
    </rPh>
    <rPh sb="55" eb="64">
      <t>カマクラホケンフクシジムショ</t>
    </rPh>
    <rPh sb="64" eb="66">
      <t>ミサキ</t>
    </rPh>
    <rPh sb="71" eb="81">
      <t>オダワラホケンフクシジムショ</t>
    </rPh>
    <rPh sb="82" eb="92">
      <t>オダワラホケンフクシジムショ</t>
    </rPh>
    <rPh sb="92" eb="95">
      <t>アシガラカミ</t>
    </rPh>
    <rPh sb="100" eb="102">
      <t>アツギ</t>
    </rPh>
    <phoneticPr fontId="0"/>
  </si>
  <si>
    <t>健康医療局衛生看護専門学校</t>
    <rPh sb="0" eb="2">
      <t>ケンコウ</t>
    </rPh>
    <rPh sb="2" eb="4">
      <t>イリョウ</t>
    </rPh>
    <rPh sb="4" eb="5">
      <t>キョク</t>
    </rPh>
    <rPh sb="5" eb="13">
      <t>エイセイカンゴセンモンガッコウ</t>
    </rPh>
    <phoneticPr fontId="0"/>
  </si>
  <si>
    <t>精神保健福祉センター救急情報課</t>
    <rPh sb="0" eb="2">
      <t>セイシン</t>
    </rPh>
    <rPh sb="2" eb="4">
      <t>ホケン</t>
    </rPh>
    <rPh sb="4" eb="6">
      <t>フクシ</t>
    </rPh>
    <rPh sb="10" eb="12">
      <t>キュウキュウ</t>
    </rPh>
    <rPh sb="12" eb="15">
      <t>ジョウホウカ</t>
    </rPh>
    <phoneticPr fontId="0"/>
  </si>
  <si>
    <t>健康医療局平塚看護大学校</t>
    <rPh sb="0" eb="2">
      <t>ケンコウ</t>
    </rPh>
    <rPh sb="2" eb="4">
      <t>イリョウ</t>
    </rPh>
    <rPh sb="4" eb="5">
      <t>キョク</t>
    </rPh>
    <rPh sb="5" eb="12">
      <t>ヒラツカカンゴダイガッコウ</t>
    </rPh>
    <phoneticPr fontId="0"/>
  </si>
  <si>
    <t>福祉子どもみらい局福祉部地域福祉課</t>
    <rPh sb="0" eb="2">
      <t>フクシ</t>
    </rPh>
    <rPh sb="2" eb="3">
      <t>コ</t>
    </rPh>
    <rPh sb="8" eb="12">
      <t>キョクフクシブ</t>
    </rPh>
    <rPh sb="12" eb="17">
      <t>チイキ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産業労働局労働部雇用労政課</t>
    <rPh sb="0" eb="5">
      <t>サンギョウロウドウキョク</t>
    </rPh>
    <rPh sb="5" eb="7">
      <t>ロウドウ</t>
    </rPh>
    <rPh sb="7" eb="8">
      <t>ブ</t>
    </rPh>
    <rPh sb="8" eb="13">
      <t>コヨウロウセイ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5">
      <t>サンギョウロウドウキョク</t>
    </rPh>
    <rPh sb="5" eb="8">
      <t>ロウドウブ</t>
    </rPh>
    <rPh sb="8" eb="13">
      <t>コヨウロウセイ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県土整備局建築住宅部建築安全課</t>
    <rPh sb="0" eb="2">
      <t>ケンド</t>
    </rPh>
    <rPh sb="2" eb="4">
      <t>セイビ</t>
    </rPh>
    <rPh sb="4" eb="5">
      <t>キョク</t>
    </rPh>
    <rPh sb="5" eb="7">
      <t>ケンチク</t>
    </rPh>
    <rPh sb="7" eb="9">
      <t>ジュウタク</t>
    </rPh>
    <rPh sb="9" eb="10">
      <t>ブ</t>
    </rPh>
    <rPh sb="10" eb="15">
      <t>ケンチクアンゼンカ</t>
    </rPh>
    <phoneticPr fontId="0"/>
  </si>
  <si>
    <t>住宅営繕事務所、県土整備局建築住宅部公共住宅課、県土整備局建築住宅部住宅計画課</t>
    <rPh sb="0" eb="2">
      <t>ジュウタク</t>
    </rPh>
    <rPh sb="2" eb="4">
      <t>エイゼン</t>
    </rPh>
    <rPh sb="4" eb="6">
      <t>ジム</t>
    </rPh>
    <rPh sb="6" eb="7">
      <t>ショ</t>
    </rPh>
    <rPh sb="8" eb="10">
      <t>ケンド</t>
    </rPh>
    <rPh sb="10" eb="12">
      <t>セイビ</t>
    </rPh>
    <rPh sb="12" eb="13">
      <t>キョク</t>
    </rPh>
    <rPh sb="13" eb="15">
      <t>ケンチク</t>
    </rPh>
    <rPh sb="15" eb="17">
      <t>ジュウタク</t>
    </rPh>
    <rPh sb="17" eb="18">
      <t>ブ</t>
    </rPh>
    <rPh sb="18" eb="20">
      <t>コウキョウ</t>
    </rPh>
    <rPh sb="20" eb="22">
      <t>ジュウタク</t>
    </rPh>
    <rPh sb="22" eb="23">
      <t>カ</t>
    </rPh>
    <rPh sb="34" eb="36">
      <t>ジュウタク</t>
    </rPh>
    <rPh sb="36" eb="38">
      <t>ケイカク</t>
    </rPh>
    <rPh sb="38" eb="39">
      <t>カ</t>
    </rPh>
    <phoneticPr fontId="0"/>
  </si>
  <si>
    <t>会計局会計課</t>
    <rPh sb="0" eb="3">
      <t>カイケイ</t>
    </rPh>
    <rPh sb="3" eb="6">
      <t>カイケイカ</t>
    </rPh>
    <phoneticPr fontId="0"/>
  </si>
  <si>
    <t>健康医療局保健医療部がん・疾病対策課</t>
    <rPh sb="0" eb="2">
      <t>ケンコウ</t>
    </rPh>
    <rPh sb="2" eb="4">
      <t>イリョウ</t>
    </rPh>
    <rPh sb="4" eb="5">
      <t>キョク</t>
    </rPh>
    <rPh sb="5" eb="10">
      <t>ホケンイリョウブ</t>
    </rPh>
    <rPh sb="13" eb="18">
      <t>シッペイタイサクカ</t>
    </rPh>
    <phoneticPr fontId="0"/>
  </si>
  <si>
    <t>企業局水道部水道施設課</t>
    <rPh sb="0" eb="3">
      <t>キギョウキョク</t>
    </rPh>
    <rPh sb="3" eb="5">
      <t>スイドウ</t>
    </rPh>
    <rPh sb="5" eb="6">
      <t>ブ</t>
    </rPh>
    <rPh sb="6" eb="11">
      <t>スイドウシセツカ</t>
    </rPh>
    <phoneticPr fontId="0"/>
  </si>
  <si>
    <t>教育局生涯学習部文化遺産課</t>
    <rPh sb="0" eb="3">
      <t>キョウイクキョク</t>
    </rPh>
    <rPh sb="3" eb="7">
      <t>ショウガイガクシュウ</t>
    </rPh>
    <rPh sb="7" eb="8">
      <t>ブ</t>
    </rPh>
    <rPh sb="8" eb="13">
      <t>ブンカイサンカ</t>
    </rPh>
    <phoneticPr fontId="0"/>
  </si>
  <si>
    <t>県立図書館、川崎図書館</t>
    <rPh sb="0" eb="5">
      <t>ケンリツトショカン</t>
    </rPh>
    <phoneticPr fontId="0"/>
  </si>
  <si>
    <t>教育局指導部保健体育課</t>
    <rPh sb="0" eb="3">
      <t>キョウイクキョク</t>
    </rPh>
    <rPh sb="3" eb="6">
      <t>シドウブ</t>
    </rPh>
    <rPh sb="6" eb="8">
      <t>ホケン</t>
    </rPh>
    <rPh sb="8" eb="11">
      <t>タイイクカ</t>
    </rPh>
    <phoneticPr fontId="0"/>
  </si>
  <si>
    <t>県土整備局都市部技術管理課</t>
    <rPh sb="0" eb="2">
      <t>ケンド</t>
    </rPh>
    <rPh sb="2" eb="4">
      <t>セイビ</t>
    </rPh>
    <rPh sb="4" eb="5">
      <t>キョク</t>
    </rPh>
    <rPh sb="5" eb="8">
      <t>トシブ</t>
    </rPh>
    <rPh sb="8" eb="10">
      <t>ギジュツ</t>
    </rPh>
    <rPh sb="10" eb="12">
      <t>カンリ</t>
    </rPh>
    <rPh sb="12" eb="13">
      <t>カ</t>
    </rPh>
    <phoneticPr fontId="0"/>
  </si>
  <si>
    <t>教育局行政部財務課、各県立高等学校、各県立中等教育学校</t>
    <rPh sb="6" eb="8">
      <t>ザイム</t>
    </rPh>
    <rPh sb="8" eb="9">
      <t>カ</t>
    </rPh>
    <phoneticPr fontId="0"/>
  </si>
  <si>
    <t>企業局水道部経営課</t>
    <rPh sb="0" eb="2">
      <t>キギョウ</t>
    </rPh>
    <rPh sb="2" eb="3">
      <t>キョク</t>
    </rPh>
    <rPh sb="3" eb="5">
      <t>スイドウ</t>
    </rPh>
    <rPh sb="5" eb="6">
      <t>ブ</t>
    </rPh>
    <rPh sb="6" eb="8">
      <t>ケイエイ</t>
    </rPh>
    <rPh sb="8" eb="9">
      <t>カ</t>
    </rPh>
    <phoneticPr fontId="0"/>
  </si>
  <si>
    <t>会計局調達課</t>
    <rPh sb="0" eb="2">
      <t>カイケイ</t>
    </rPh>
    <rPh sb="2" eb="3">
      <t>キョク</t>
    </rPh>
    <rPh sb="3" eb="5">
      <t>チョウタツ</t>
    </rPh>
    <rPh sb="5" eb="6">
      <t>カ</t>
    </rPh>
    <phoneticPr fontId="0"/>
  </si>
  <si>
    <t>県央家畜保健衛生所</t>
    <rPh sb="0" eb="9">
      <t>ケンオウカチクホケンエイセイジョ</t>
    </rPh>
    <phoneticPr fontId="0"/>
  </si>
  <si>
    <t>こども医療センター　障害児入所施設局肢体不自由児施設重症心身障害児施設生活支援課</t>
    <rPh sb="3" eb="5">
      <t>イリョウ</t>
    </rPh>
    <rPh sb="10" eb="17">
      <t>ショウガイジニュウショシセツ</t>
    </rPh>
    <rPh sb="17" eb="18">
      <t>キョク</t>
    </rPh>
    <rPh sb="18" eb="26">
      <t>シタイフジユウジシセツ</t>
    </rPh>
    <rPh sb="26" eb="35">
      <t>ジュウショウシンシンショウガイジシセツ</t>
    </rPh>
    <rPh sb="35" eb="40">
      <t>セイカツシエンカ</t>
    </rPh>
    <phoneticPr fontId="0"/>
  </si>
  <si>
    <t>循環器呼吸器病センター　事務局医事課</t>
    <rPh sb="0" eb="7">
      <t>ジュンカンキコキュウキビョウ</t>
    </rPh>
    <rPh sb="12" eb="15">
      <t>ジムキョク</t>
    </rPh>
    <rPh sb="15" eb="17">
      <t>イジ</t>
    </rPh>
    <rPh sb="17" eb="18">
      <t>カ</t>
    </rPh>
    <phoneticPr fontId="0"/>
  </si>
  <si>
    <t>がんセンター　①悪性新生物登録事務（地域がん登録、全国がん登録）　・臨床研究所　
②悪性新生物登録事務（院内がん登録）、患者受付事務、診療報酬請求事務　・医事・診療情報管理課（診療情報管理部門）　③病理解剖承諾受付事務　・病理診断科</t>
    <rPh sb="34" eb="39">
      <t>リンショウケンキュウジョ</t>
    </rPh>
    <rPh sb="60" eb="62">
      <t>カンジャ</t>
    </rPh>
    <rPh sb="62" eb="64">
      <t>ウケツケ</t>
    </rPh>
    <rPh sb="64" eb="66">
      <t>ジム</t>
    </rPh>
    <rPh sb="67" eb="71">
      <t>シンリョウホウシュウ</t>
    </rPh>
    <rPh sb="71" eb="73">
      <t>セイキュウ</t>
    </rPh>
    <rPh sb="73" eb="75">
      <t>ジム</t>
    </rPh>
    <rPh sb="111" eb="113">
      <t>ビョウリ</t>
    </rPh>
    <rPh sb="113" eb="115">
      <t>シンダン</t>
    </rPh>
    <rPh sb="115" eb="116">
      <t>カ</t>
    </rPh>
    <phoneticPr fontId="0"/>
  </si>
  <si>
    <t>精神医療センター医事課</t>
    <rPh sb="0" eb="4">
      <t>セイシンイリョウ</t>
    </rPh>
    <rPh sb="8" eb="11">
      <t>イジカ</t>
    </rPh>
    <phoneticPr fontId="0"/>
  </si>
  <si>
    <t>足柄上病院　医事・診療情報管理課</t>
    <rPh sb="0" eb="2">
      <t>アシガラ</t>
    </rPh>
    <rPh sb="2" eb="3">
      <t>カミ</t>
    </rPh>
    <rPh sb="3" eb="5">
      <t>ビョウイン</t>
    </rPh>
    <phoneticPr fontId="0"/>
  </si>
  <si>
    <t>東部総合職業技術校二俣川支所委託訓練課</t>
    <rPh sb="0" eb="2">
      <t>トウブ</t>
    </rPh>
    <rPh sb="2" eb="4">
      <t>ソウゴウ</t>
    </rPh>
    <rPh sb="4" eb="14">
      <t>ショクギョウギジュツコウフタマタガワシショ</t>
    </rPh>
    <rPh sb="14" eb="16">
      <t>イタク</t>
    </rPh>
    <rPh sb="16" eb="18">
      <t>クンレン</t>
    </rPh>
    <rPh sb="18" eb="19">
      <t>カ</t>
    </rPh>
    <phoneticPr fontId="0"/>
  </si>
  <si>
    <t>産業労働局産業技術短期大学校学生課</t>
    <rPh sb="0" eb="2">
      <t>サンギョウ</t>
    </rPh>
    <rPh sb="2" eb="4">
      <t>ロウドウ</t>
    </rPh>
    <rPh sb="4" eb="5">
      <t>キョク</t>
    </rPh>
    <rPh sb="5" eb="14">
      <t>サンギョウギジュツタンキダイガッコウ</t>
    </rPh>
    <rPh sb="14" eb="17">
      <t>ガクセイカ</t>
    </rPh>
    <phoneticPr fontId="0"/>
  </si>
  <si>
    <t>総務局財政部税制企画課</t>
    <rPh sb="0" eb="2">
      <t>ソウム</t>
    </rPh>
    <rPh sb="2" eb="3">
      <t>キョク</t>
    </rPh>
    <rPh sb="3" eb="5">
      <t>ザイセイ</t>
    </rPh>
    <rPh sb="5" eb="6">
      <t>ブ</t>
    </rPh>
    <rPh sb="6" eb="8">
      <t>ゼイセイ</t>
    </rPh>
    <rPh sb="8" eb="10">
      <t>キカク</t>
    </rPh>
    <rPh sb="10" eb="11">
      <t>カ</t>
    </rPh>
    <phoneticPr fontId="0"/>
  </si>
  <si>
    <t>県土整備局都市部交通政策課</t>
    <rPh sb="10" eb="12">
      <t>セイサク</t>
    </rPh>
    <phoneticPr fontId="0"/>
  </si>
  <si>
    <t>県土整備局建築住宅部建築指導課</t>
    <rPh sb="0" eb="2">
      <t>ケンド</t>
    </rPh>
    <rPh sb="2" eb="4">
      <t>セイビ</t>
    </rPh>
    <rPh sb="4" eb="5">
      <t>キョク</t>
    </rPh>
    <rPh sb="5" eb="7">
      <t>ケンチク</t>
    </rPh>
    <rPh sb="7" eb="9">
      <t>ジュウタク</t>
    </rPh>
    <rPh sb="9" eb="10">
      <t>ブ</t>
    </rPh>
    <rPh sb="10" eb="12">
      <t>ケンチク</t>
    </rPh>
    <rPh sb="12" eb="15">
      <t>シドウカ</t>
    </rPh>
    <phoneticPr fontId="0"/>
  </si>
  <si>
    <t>産業労働局中小企業部金融課</t>
    <rPh sb="0" eb="2">
      <t>サンギョウ</t>
    </rPh>
    <rPh sb="2" eb="4">
      <t>ロウドウ</t>
    </rPh>
    <rPh sb="4" eb="5">
      <t>キョク</t>
    </rPh>
    <rPh sb="5" eb="9">
      <t>チュウショウキギョウ</t>
    </rPh>
    <rPh sb="9" eb="10">
      <t>ブ</t>
    </rPh>
    <rPh sb="10" eb="12">
      <t>キンユウ</t>
    </rPh>
    <rPh sb="12" eb="13">
      <t>カ</t>
    </rPh>
    <phoneticPr fontId="0"/>
  </si>
  <si>
    <t>教育局指導部高校教育課、横浜修悠館高等学校（通信制）、厚木清南高等学校（通信制）</t>
    <rPh sb="0" eb="3">
      <t>キョウイクキョク</t>
    </rPh>
    <rPh sb="3" eb="5">
      <t>シドウ</t>
    </rPh>
    <rPh sb="5" eb="6">
      <t>ブ</t>
    </rPh>
    <rPh sb="6" eb="8">
      <t>コウコウ</t>
    </rPh>
    <rPh sb="8" eb="10">
      <t>キョウイク</t>
    </rPh>
    <rPh sb="10" eb="11">
      <t>カ</t>
    </rPh>
    <rPh sb="12" eb="17">
      <t>ヨコハマシュウユウカン</t>
    </rPh>
    <rPh sb="17" eb="19">
      <t>コウトウ</t>
    </rPh>
    <rPh sb="19" eb="21">
      <t>ガッコウ</t>
    </rPh>
    <rPh sb="22" eb="25">
      <t>ツウシンセイ</t>
    </rPh>
    <rPh sb="27" eb="29">
      <t>アツギ</t>
    </rPh>
    <rPh sb="29" eb="30">
      <t>キヨ</t>
    </rPh>
    <rPh sb="30" eb="31">
      <t>ナン</t>
    </rPh>
    <rPh sb="31" eb="33">
      <t>コウトウ</t>
    </rPh>
    <rPh sb="33" eb="35">
      <t>ガッコウ</t>
    </rPh>
    <rPh sb="36" eb="39">
      <t>ツウシンセイ</t>
    </rPh>
    <phoneticPr fontId="0"/>
  </si>
  <si>
    <t>教育局指導部高校教育課、各県立中等教育学校</t>
    <rPh sb="0" eb="3">
      <t>キョウイクキョク</t>
    </rPh>
    <rPh sb="3" eb="5">
      <t>シドウ</t>
    </rPh>
    <rPh sb="5" eb="6">
      <t>ブ</t>
    </rPh>
    <rPh sb="6" eb="8">
      <t>コウコウ</t>
    </rPh>
    <rPh sb="8" eb="10">
      <t>キョウイク</t>
    </rPh>
    <rPh sb="10" eb="11">
      <t>カ</t>
    </rPh>
    <rPh sb="12" eb="13">
      <t>カク</t>
    </rPh>
    <rPh sb="13" eb="15">
      <t>ケンリツ</t>
    </rPh>
    <rPh sb="15" eb="17">
      <t>チュウトウ</t>
    </rPh>
    <rPh sb="17" eb="19">
      <t>キョウイク</t>
    </rPh>
    <rPh sb="19" eb="21">
      <t>ガッコウ</t>
    </rPh>
    <phoneticPr fontId="0"/>
  </si>
  <si>
    <t>教育局指導部高校教育課、県立高等学校、県立中等教育学校</t>
    <rPh sb="0" eb="3">
      <t>キョウイクキョク</t>
    </rPh>
    <rPh sb="3" eb="5">
      <t>シドウ</t>
    </rPh>
    <rPh sb="5" eb="6">
      <t>ブ</t>
    </rPh>
    <rPh sb="6" eb="8">
      <t>コウコウ</t>
    </rPh>
    <rPh sb="8" eb="10">
      <t>キョウイク</t>
    </rPh>
    <rPh sb="10" eb="11">
      <t>カ</t>
    </rPh>
    <rPh sb="12" eb="14">
      <t>ケンリツ</t>
    </rPh>
    <rPh sb="14" eb="16">
      <t>コウトウ</t>
    </rPh>
    <rPh sb="16" eb="18">
      <t>ガッコウ</t>
    </rPh>
    <rPh sb="19" eb="21">
      <t>ケンリツ</t>
    </rPh>
    <rPh sb="21" eb="23">
      <t>チュウトウ</t>
    </rPh>
    <rPh sb="23" eb="25">
      <t>キョウイク</t>
    </rPh>
    <rPh sb="25" eb="27">
      <t>ガッコウ</t>
    </rPh>
    <phoneticPr fontId="0"/>
  </si>
  <si>
    <t>環境農政局農水産部農業振興課</t>
    <rPh sb="0" eb="2">
      <t>カンキョウ</t>
    </rPh>
    <rPh sb="2" eb="5">
      <t>ノウセイキョク</t>
    </rPh>
    <rPh sb="5" eb="6">
      <t>ノウ</t>
    </rPh>
    <rPh sb="6" eb="8">
      <t>スイサン</t>
    </rPh>
    <rPh sb="8" eb="9">
      <t>ブ</t>
    </rPh>
    <rPh sb="9" eb="14">
      <t>ノウギョウシンコウカ</t>
    </rPh>
    <phoneticPr fontId="0"/>
  </si>
  <si>
    <t>環境農政局緑政部水源環境保全課、県央地域県政総合センター森林部水源の森林推進課、湘南地域県政総合センター農政部森林課、県西地域県政総合センター森林部水源の森林推進課</t>
    <rPh sb="0" eb="2">
      <t>カンキョウ</t>
    </rPh>
    <rPh sb="2" eb="5">
      <t>ノウセイキョク</t>
    </rPh>
    <rPh sb="5" eb="7">
      <t>リョクセイ</t>
    </rPh>
    <rPh sb="7" eb="8">
      <t>ブ</t>
    </rPh>
    <rPh sb="8" eb="15">
      <t>スイゲンカンキョウホゼンカ</t>
    </rPh>
    <phoneticPr fontId="0"/>
  </si>
  <si>
    <t>教育局支援部特別支援教育課</t>
    <rPh sb="0" eb="2">
      <t>キョウイク</t>
    </rPh>
    <rPh sb="2" eb="3">
      <t>キョク</t>
    </rPh>
    <rPh sb="3" eb="5">
      <t>シエン</t>
    </rPh>
    <rPh sb="5" eb="6">
      <t>ブ</t>
    </rPh>
    <rPh sb="6" eb="13">
      <t>トクベツシエンキョウイクカ</t>
    </rPh>
    <phoneticPr fontId="0"/>
  </si>
  <si>
    <t>教育局支援部特別支援教育課、県立特別支援学校</t>
    <rPh sb="0" eb="3">
      <t>キョウイクキョク</t>
    </rPh>
    <rPh sb="3" eb="5">
      <t>シエン</t>
    </rPh>
    <rPh sb="5" eb="6">
      <t>ブ</t>
    </rPh>
    <rPh sb="6" eb="8">
      <t>トクベツ</t>
    </rPh>
    <rPh sb="8" eb="10">
      <t>シエン</t>
    </rPh>
    <rPh sb="10" eb="13">
      <t>キョウイクカ</t>
    </rPh>
    <rPh sb="14" eb="22">
      <t>ケンリツトクベツシエンガッコウ</t>
    </rPh>
    <phoneticPr fontId="0"/>
  </si>
  <si>
    <t>教育局支援部特別支援教育課、県立特別支援学校</t>
    <rPh sb="0" eb="3">
      <t>キョウイクキョク</t>
    </rPh>
    <rPh sb="3" eb="5">
      <t>シエン</t>
    </rPh>
    <rPh sb="5" eb="6">
      <t>ブ</t>
    </rPh>
    <rPh sb="6" eb="13">
      <t>トクベツシエンキョウイクカ</t>
    </rPh>
    <rPh sb="14" eb="16">
      <t>ケンリツ</t>
    </rPh>
    <rPh sb="16" eb="22">
      <t>トクベツシエンガッコウ</t>
    </rPh>
    <phoneticPr fontId="0"/>
  </si>
  <si>
    <t>教育局支援部特別支援教育課</t>
    <rPh sb="0" eb="3">
      <t>キョウイクキョク</t>
    </rPh>
    <rPh sb="3" eb="5">
      <t>シエン</t>
    </rPh>
    <rPh sb="5" eb="6">
      <t>ブ</t>
    </rPh>
    <rPh sb="6" eb="13">
      <t>トクベツシエンキョウイク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教育局行政部財務課、各県立高等学校、各県立中等教育学校、各県立特別支援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rPh sb="28" eb="29">
      <t>カク</t>
    </rPh>
    <rPh sb="29" eb="31">
      <t>ケンリツ</t>
    </rPh>
    <rPh sb="31" eb="33">
      <t>トクベツ</t>
    </rPh>
    <rPh sb="33" eb="35">
      <t>シエン</t>
    </rPh>
    <rPh sb="35" eb="37">
      <t>ガッコウ</t>
    </rPh>
    <phoneticPr fontId="0"/>
  </si>
  <si>
    <t>教育局行政部財務課、各県立高等学校、各県立中等教育学校、各県立特別支援学校、県の各社会教育施設</t>
    <rPh sb="0" eb="3">
      <t>キョウイクキョク</t>
    </rPh>
    <rPh sb="3" eb="5">
      <t>ギョウセイ</t>
    </rPh>
    <rPh sb="5" eb="6">
      <t>ブ</t>
    </rPh>
    <rPh sb="6" eb="8">
      <t>ザイム</t>
    </rPh>
    <rPh sb="8" eb="9">
      <t>カ</t>
    </rPh>
    <rPh sb="38" eb="39">
      <t>ケン</t>
    </rPh>
    <rPh sb="40" eb="41">
      <t>カク</t>
    </rPh>
    <rPh sb="41" eb="43">
      <t>シャカイ</t>
    </rPh>
    <rPh sb="43" eb="45">
      <t>キョウイク</t>
    </rPh>
    <rPh sb="45" eb="47">
      <t>シセツ</t>
    </rPh>
    <phoneticPr fontId="0"/>
  </si>
  <si>
    <t>教育局行政部財務課、各県立高等学校、各県立中等教育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phoneticPr fontId="0"/>
  </si>
  <si>
    <t>政策局政策部ＮＰＯ協働推進課</t>
    <rPh sb="0" eb="2">
      <t>セイサク</t>
    </rPh>
    <rPh sb="2" eb="3">
      <t>キョク</t>
    </rPh>
    <rPh sb="3" eb="5">
      <t>セイサク</t>
    </rPh>
    <rPh sb="5" eb="6">
      <t>ブ</t>
    </rPh>
    <rPh sb="9" eb="14">
      <t>キョウドウスイシンカ</t>
    </rPh>
    <phoneticPr fontId="0"/>
  </si>
  <si>
    <t>福祉子どもみらい局子どもみらい部次世代育成課</t>
    <rPh sb="0" eb="3">
      <t>フクシコ</t>
    </rPh>
    <rPh sb="9" eb="10">
      <t>コ</t>
    </rPh>
    <rPh sb="15" eb="16">
      <t>ブ</t>
    </rPh>
    <rPh sb="16" eb="22">
      <t>ジセダイイクセイカ</t>
    </rPh>
    <phoneticPr fontId="0"/>
  </si>
  <si>
    <t>企業局水道部水道施設課、各水道営業所</t>
    <rPh sb="0" eb="3">
      <t>キギョウキョク</t>
    </rPh>
    <rPh sb="3" eb="5">
      <t>スイドウ</t>
    </rPh>
    <rPh sb="5" eb="6">
      <t>ブ</t>
    </rPh>
    <rPh sb="6" eb="11">
      <t>スイドウシセツカ</t>
    </rPh>
    <rPh sb="12" eb="13">
      <t>カク</t>
    </rPh>
    <rPh sb="13" eb="15">
      <t>スイドウ</t>
    </rPh>
    <rPh sb="15" eb="18">
      <t>エイギョウショ</t>
    </rPh>
    <phoneticPr fontId="0"/>
  </si>
  <si>
    <t>総務部会計課、各所属</t>
    <rPh sb="0" eb="2">
      <t>ソウム</t>
    </rPh>
    <rPh sb="2" eb="3">
      <t>ブ</t>
    </rPh>
    <rPh sb="3" eb="5">
      <t>カイケイ</t>
    </rPh>
    <rPh sb="5" eb="6">
      <t>カ</t>
    </rPh>
    <rPh sb="7" eb="10">
      <t>カクショゾク</t>
    </rPh>
    <phoneticPr fontId="0"/>
  </si>
  <si>
    <t>総務部広報県民課、各所属</t>
    <rPh sb="0" eb="2">
      <t>ソウム</t>
    </rPh>
    <rPh sb="2" eb="3">
      <t>ブ</t>
    </rPh>
    <rPh sb="3" eb="5">
      <t>コウホウ</t>
    </rPh>
    <rPh sb="5" eb="7">
      <t>ケンミン</t>
    </rPh>
    <rPh sb="7" eb="8">
      <t>カ</t>
    </rPh>
    <rPh sb="9" eb="12">
      <t>カクショゾク</t>
    </rPh>
    <phoneticPr fontId="0"/>
  </si>
  <si>
    <t>警務部警務課、各所属</t>
    <rPh sb="0" eb="2">
      <t>ケイム</t>
    </rPh>
    <rPh sb="2" eb="3">
      <t>ブ</t>
    </rPh>
    <rPh sb="3" eb="5">
      <t>ケイム</t>
    </rPh>
    <rPh sb="5" eb="6">
      <t>カ</t>
    </rPh>
    <rPh sb="7" eb="8">
      <t>カク</t>
    </rPh>
    <rPh sb="8" eb="10">
      <t>ショゾク</t>
    </rPh>
    <phoneticPr fontId="0"/>
  </si>
  <si>
    <t>刑事部鑑識課</t>
    <rPh sb="0" eb="2">
      <t>ケイジ</t>
    </rPh>
    <rPh sb="2" eb="3">
      <t>ブ</t>
    </rPh>
    <rPh sb="3" eb="5">
      <t>カンシキ</t>
    </rPh>
    <rPh sb="5" eb="6">
      <t>カ</t>
    </rPh>
    <phoneticPr fontId="0"/>
  </si>
  <si>
    <t>生活安全部生活安全総務課、各警察署</t>
    <rPh sb="5" eb="12">
      <t>セイカツアンゼンソウムカ</t>
    </rPh>
    <rPh sb="13" eb="14">
      <t>カク</t>
    </rPh>
    <rPh sb="14" eb="17">
      <t>ケイサツショ</t>
    </rPh>
    <phoneticPr fontId="0"/>
  </si>
  <si>
    <t>生活安全部生活安全総務課、各警察署</t>
    <rPh sb="5" eb="7">
      <t>セイカツ</t>
    </rPh>
    <rPh sb="7" eb="9">
      <t>アンゼン</t>
    </rPh>
    <rPh sb="9" eb="12">
      <t>ソウムカ</t>
    </rPh>
    <rPh sb="11" eb="12">
      <t>カ</t>
    </rPh>
    <rPh sb="13" eb="14">
      <t>カク</t>
    </rPh>
    <rPh sb="14" eb="17">
      <t>ケイサツショ</t>
    </rPh>
    <phoneticPr fontId="0"/>
  </si>
  <si>
    <t>生活安全総務課、各警察署</t>
    <rPh sb="0" eb="2">
      <t>セイカツ</t>
    </rPh>
    <rPh sb="2" eb="4">
      <t>アンゼン</t>
    </rPh>
    <rPh sb="4" eb="7">
      <t>ソウムカ</t>
    </rPh>
    <rPh sb="8" eb="12">
      <t>カクケイサツショ</t>
    </rPh>
    <phoneticPr fontId="0"/>
  </si>
  <si>
    <t>生活安全部生活安全総務課、各警察署</t>
    <rPh sb="5" eb="12">
      <t>セイカツアンゼンソウムカ</t>
    </rPh>
    <rPh sb="13" eb="17">
      <t>カクケイサツショ</t>
    </rPh>
    <phoneticPr fontId="0"/>
  </si>
  <si>
    <t>生活安全部人身安全対策課、各警察署</t>
    <rPh sb="0" eb="2">
      <t>セイカツ</t>
    </rPh>
    <rPh sb="2" eb="4">
      <t>アンゼン</t>
    </rPh>
    <rPh sb="4" eb="5">
      <t>ブ</t>
    </rPh>
    <rPh sb="5" eb="7">
      <t>ジンシン</t>
    </rPh>
    <rPh sb="7" eb="9">
      <t>アンゼン</t>
    </rPh>
    <rPh sb="9" eb="11">
      <t>タイサク</t>
    </rPh>
    <rPh sb="11" eb="12">
      <t>カ</t>
    </rPh>
    <rPh sb="13" eb="14">
      <t>カク</t>
    </rPh>
    <rPh sb="14" eb="17">
      <t>ケイサツショ</t>
    </rPh>
    <phoneticPr fontId="0"/>
  </si>
  <si>
    <t>政策局政策部情報公開広聴課</t>
    <rPh sb="0" eb="2">
      <t>セイサク</t>
    </rPh>
    <rPh sb="2" eb="3">
      <t>キョク</t>
    </rPh>
    <rPh sb="3" eb="5">
      <t>セイサク</t>
    </rPh>
    <rPh sb="5" eb="6">
      <t>ブ</t>
    </rPh>
    <rPh sb="6" eb="8">
      <t>ジョウホウ</t>
    </rPh>
    <rPh sb="8" eb="10">
      <t>コウカイ</t>
    </rPh>
    <rPh sb="10" eb="12">
      <t>コウチョウ</t>
    </rPh>
    <rPh sb="12" eb="13">
      <t>カ</t>
    </rPh>
    <phoneticPr fontId="0"/>
  </si>
  <si>
    <t>こども医療センター　事務局医事・診療情報管理課</t>
    <rPh sb="3" eb="5">
      <t>イリョウ</t>
    </rPh>
    <rPh sb="10" eb="13">
      <t>ジムキョク</t>
    </rPh>
    <rPh sb="13" eb="15">
      <t>イジ</t>
    </rPh>
    <rPh sb="16" eb="20">
      <t>シンリョウジョウホウ</t>
    </rPh>
    <rPh sb="20" eb="23">
      <t>カンリカ</t>
    </rPh>
    <phoneticPr fontId="0"/>
  </si>
  <si>
    <t>こども医療センター　地域連携家族支援局　患者家族支援部　医療福祉相談室</t>
    <rPh sb="3" eb="5">
      <t>イリョウ</t>
    </rPh>
    <rPh sb="10" eb="19">
      <t>チイキレンケイカゾクシエンキョク</t>
    </rPh>
    <rPh sb="20" eb="27">
      <t>カンジャカゾクシエンブ</t>
    </rPh>
    <rPh sb="28" eb="35">
      <t>イリョウフクシソウダンシツ</t>
    </rPh>
    <phoneticPr fontId="0"/>
  </si>
  <si>
    <t>がんセンター　財務経営課</t>
    <rPh sb="7" eb="12">
      <t>ザイムケイエイカ</t>
    </rPh>
    <phoneticPr fontId="0"/>
  </si>
  <si>
    <t>総務局デジタル戦略本部室</t>
    <rPh sb="0" eb="3">
      <t>ソウムキョク</t>
    </rPh>
    <rPh sb="7" eb="9">
      <t>センリャク</t>
    </rPh>
    <rPh sb="9" eb="11">
      <t>ホンブ</t>
    </rPh>
    <rPh sb="11" eb="12">
      <t>シツ</t>
    </rPh>
    <phoneticPr fontId="0"/>
  </si>
  <si>
    <t>地域部通信指令課、各警察署</t>
    <rPh sb="0" eb="2">
      <t>チイキ</t>
    </rPh>
    <rPh sb="2" eb="3">
      <t>ブ</t>
    </rPh>
    <rPh sb="3" eb="5">
      <t>ツウシン</t>
    </rPh>
    <rPh sb="5" eb="7">
      <t>シレイ</t>
    </rPh>
    <rPh sb="7" eb="8">
      <t>カ</t>
    </rPh>
    <rPh sb="9" eb="10">
      <t>カク</t>
    </rPh>
    <rPh sb="10" eb="13">
      <t>ケイサツショ</t>
    </rPh>
    <phoneticPr fontId="0"/>
  </si>
  <si>
    <t>交通部交通総務課、各警察署</t>
    <rPh sb="0" eb="2">
      <t>コウツウ</t>
    </rPh>
    <rPh sb="2" eb="3">
      <t>ブ</t>
    </rPh>
    <rPh sb="3" eb="5">
      <t>コウツウ</t>
    </rPh>
    <rPh sb="5" eb="8">
      <t>ソウムカ</t>
    </rPh>
    <rPh sb="9" eb="13">
      <t>カクケイサツショ</t>
    </rPh>
    <phoneticPr fontId="0"/>
  </si>
  <si>
    <t>交通部交通総務課</t>
    <rPh sb="3" eb="5">
      <t>コウツウ</t>
    </rPh>
    <rPh sb="5" eb="8">
      <t>ソウムカ</t>
    </rPh>
    <phoneticPr fontId="0"/>
  </si>
  <si>
    <t>運転教育課、各警察署</t>
    <rPh sb="0" eb="2">
      <t>ウンテン</t>
    </rPh>
    <rPh sb="2" eb="4">
      <t>キョウイク</t>
    </rPh>
    <rPh sb="4" eb="5">
      <t>カ</t>
    </rPh>
    <rPh sb="6" eb="10">
      <t>カクケイサツショ</t>
    </rPh>
    <phoneticPr fontId="0"/>
  </si>
  <si>
    <t>運転免許課、運転教育課、各警察署</t>
    <rPh sb="0" eb="2">
      <t>ウンテン</t>
    </rPh>
    <rPh sb="2" eb="4">
      <t>メンキョ</t>
    </rPh>
    <rPh sb="4" eb="5">
      <t>カ</t>
    </rPh>
    <rPh sb="6" eb="8">
      <t>ウンテン</t>
    </rPh>
    <rPh sb="8" eb="11">
      <t>キョウイクカ</t>
    </rPh>
    <rPh sb="12" eb="16">
      <t>カクケイサツショ</t>
    </rPh>
    <phoneticPr fontId="0"/>
  </si>
  <si>
    <t>交通部駐車対策課、各警察署</t>
    <rPh sb="0" eb="2">
      <t>コウツウ</t>
    </rPh>
    <rPh sb="2" eb="3">
      <t>ブ</t>
    </rPh>
    <rPh sb="3" eb="5">
      <t>チュウシャ</t>
    </rPh>
    <rPh sb="5" eb="7">
      <t>タイサク</t>
    </rPh>
    <rPh sb="7" eb="8">
      <t>カ</t>
    </rPh>
    <rPh sb="9" eb="13">
      <t>カクケイサツショ</t>
    </rPh>
    <phoneticPr fontId="0"/>
  </si>
  <si>
    <t>交通部駐車対策課、各警察署</t>
    <rPh sb="3" eb="5">
      <t>チュウシャ</t>
    </rPh>
    <rPh sb="5" eb="7">
      <t>タイサク</t>
    </rPh>
    <rPh sb="7" eb="8">
      <t>カ</t>
    </rPh>
    <rPh sb="9" eb="13">
      <t>カクケイサツショ</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福祉子どもみらい局福祉部障害福祉課</t>
    <rPh sb="0" eb="2">
      <t>フクシ</t>
    </rPh>
    <rPh sb="2" eb="3">
      <t>コ</t>
    </rPh>
    <rPh sb="8" eb="9">
      <t>キョク</t>
    </rPh>
    <rPh sb="9" eb="12">
      <t>フクシブ</t>
    </rPh>
    <rPh sb="12" eb="17">
      <t>ショウガイフクシカ</t>
    </rPh>
    <phoneticPr fontId="0"/>
  </si>
  <si>
    <t>県土整備局道路部道路管理課、各土木事務所</t>
    <rPh sb="0" eb="2">
      <t>ケンド</t>
    </rPh>
    <rPh sb="2" eb="4">
      <t>セイビ</t>
    </rPh>
    <rPh sb="4" eb="5">
      <t>キョク</t>
    </rPh>
    <rPh sb="5" eb="7">
      <t>ドウロ</t>
    </rPh>
    <rPh sb="7" eb="8">
      <t>ブ</t>
    </rPh>
    <rPh sb="8" eb="10">
      <t>ドウロ</t>
    </rPh>
    <rPh sb="10" eb="12">
      <t>カンリ</t>
    </rPh>
    <rPh sb="12" eb="13">
      <t>カ</t>
    </rPh>
    <rPh sb="14" eb="15">
      <t>カク</t>
    </rPh>
    <rPh sb="15" eb="20">
      <t>ドボクジムショ</t>
    </rPh>
    <phoneticPr fontId="0"/>
  </si>
  <si>
    <t>健康医療局衛生看護専門学校</t>
    <rPh sb="0" eb="2">
      <t>ケンコウ</t>
    </rPh>
    <rPh sb="2" eb="4">
      <t>イリョウ</t>
    </rPh>
    <rPh sb="4" eb="5">
      <t>キョク</t>
    </rPh>
    <rPh sb="5" eb="13">
      <t>エイセイカンゴセンモンガッコウ</t>
    </rPh>
    <phoneticPr fontId="0"/>
  </si>
  <si>
    <t>福祉子どもみらい局子どもみらい部私学振興課</t>
    <rPh sb="0" eb="2">
      <t>フクシ</t>
    </rPh>
    <rPh sb="2" eb="3">
      <t>コ</t>
    </rPh>
    <rPh sb="8" eb="9">
      <t>キョク</t>
    </rPh>
    <rPh sb="9" eb="10">
      <t>コ</t>
    </rPh>
    <rPh sb="15" eb="16">
      <t>ブ</t>
    </rPh>
    <rPh sb="16" eb="18">
      <t>シガク</t>
    </rPh>
    <rPh sb="18" eb="20">
      <t>シンコウ</t>
    </rPh>
    <rPh sb="20" eb="21">
      <t>カ</t>
    </rPh>
    <phoneticPr fontId="0"/>
  </si>
  <si>
    <t>福祉子どもみらい局子どもみらい部青少年課、各地域県政総合センター総務部</t>
    <rPh sb="0" eb="3">
      <t>フクシコ</t>
    </rPh>
    <rPh sb="8" eb="9">
      <t>キョク</t>
    </rPh>
    <rPh sb="9" eb="10">
      <t>コ</t>
    </rPh>
    <rPh sb="15" eb="16">
      <t>ブ</t>
    </rPh>
    <phoneticPr fontId="0"/>
  </si>
  <si>
    <t>総務部施設課･各所属</t>
    <rPh sb="0" eb="2">
      <t>ソウム</t>
    </rPh>
    <rPh sb="2" eb="3">
      <t>ブ</t>
    </rPh>
    <phoneticPr fontId="0"/>
  </si>
  <si>
    <t>政策局政策部政策法務課</t>
    <rPh sb="0" eb="3">
      <t>セイサクキョク</t>
    </rPh>
    <rPh sb="3" eb="6">
      <t>セイサクブ</t>
    </rPh>
    <phoneticPr fontId="0"/>
  </si>
  <si>
    <t>福祉子どもみらい局福祉部高齢福祉課</t>
    <rPh sb="0" eb="2">
      <t>フクシ</t>
    </rPh>
    <rPh sb="2" eb="3">
      <t>コ</t>
    </rPh>
    <rPh sb="8" eb="9">
      <t>キョク</t>
    </rPh>
    <rPh sb="9" eb="11">
      <t>フクシ</t>
    </rPh>
    <rPh sb="11" eb="12">
      <t>ブ</t>
    </rPh>
    <rPh sb="12" eb="17">
      <t>コウレイフクシカ</t>
    </rPh>
    <phoneticPr fontId="0"/>
  </si>
  <si>
    <t>政策局知事室</t>
    <rPh sb="0" eb="3">
      <t>セイサクキョク</t>
    </rPh>
    <rPh sb="3" eb="6">
      <t>チジシツ</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教育局行政部教職員企画課、各県立学校、各教育事務所、総合教育センター</t>
    <rPh sb="0" eb="12">
      <t>キョウイクキョクギョウセイブキョウショクインキカクカ</t>
    </rPh>
    <rPh sb="13" eb="14">
      <t>カク</t>
    </rPh>
    <rPh sb="14" eb="16">
      <t>ケンリツ</t>
    </rPh>
    <rPh sb="16" eb="18">
      <t>ガッコウ</t>
    </rPh>
    <rPh sb="19" eb="20">
      <t>カク</t>
    </rPh>
    <rPh sb="20" eb="22">
      <t>キョウイク</t>
    </rPh>
    <rPh sb="22" eb="24">
      <t>ジム</t>
    </rPh>
    <rPh sb="24" eb="25">
      <t>ショ</t>
    </rPh>
    <rPh sb="26" eb="28">
      <t>ソウゴウ</t>
    </rPh>
    <rPh sb="28" eb="30">
      <t>キョウイク</t>
    </rPh>
    <phoneticPr fontId="0"/>
  </si>
  <si>
    <t>足柄上病院　医事・診療情報管理課</t>
    <rPh sb="0" eb="2">
      <t>アシガラ</t>
    </rPh>
    <rPh sb="2" eb="3">
      <t>カミ</t>
    </rPh>
    <rPh sb="3" eb="5">
      <t>ビョウイン</t>
    </rPh>
    <phoneticPr fontId="0"/>
  </si>
  <si>
    <t>福祉子どもみらい局子どもみらい部次世代育成課</t>
    <rPh sb="0" eb="2">
      <t>フクシ</t>
    </rPh>
    <rPh sb="2" eb="3">
      <t>コ</t>
    </rPh>
    <rPh sb="8" eb="9">
      <t>キョク</t>
    </rPh>
    <rPh sb="9" eb="10">
      <t>コ</t>
    </rPh>
    <rPh sb="15" eb="16">
      <t>ブ</t>
    </rPh>
    <rPh sb="16" eb="19">
      <t>ジセダイ</t>
    </rPh>
    <rPh sb="19" eb="21">
      <t>イクセイ</t>
    </rPh>
    <rPh sb="21" eb="22">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県土整備局建築住宅部建築指導課、各土木事務所（藤沢土木事務所、厚木土木事務所津久井治水センター及び県西土木事務所小田原土木センターを除く）</t>
    <rPh sb="0" eb="2">
      <t>ケンド</t>
    </rPh>
    <rPh sb="2" eb="4">
      <t>セイビ</t>
    </rPh>
    <rPh sb="4" eb="5">
      <t>キョク</t>
    </rPh>
    <phoneticPr fontId="0"/>
  </si>
  <si>
    <t>福祉子どもみらい局子どもみらい部青少年課</t>
    <rPh sb="0" eb="3">
      <t>フクシコ</t>
    </rPh>
    <rPh sb="5" eb="10">
      <t>コ</t>
    </rPh>
    <rPh sb="15" eb="16">
      <t>ブ</t>
    </rPh>
    <rPh sb="16" eb="19">
      <t>セイショウネン</t>
    </rPh>
    <rPh sb="19" eb="20">
      <t>カ</t>
    </rPh>
    <phoneticPr fontId="0"/>
  </si>
  <si>
    <t>企業局利水電気部利水課</t>
    <rPh sb="0" eb="2">
      <t>キギョウ</t>
    </rPh>
    <rPh sb="2" eb="3">
      <t>キョク</t>
    </rPh>
    <rPh sb="3" eb="5">
      <t>リスイ</t>
    </rPh>
    <rPh sb="5" eb="7">
      <t>デンキ</t>
    </rPh>
    <rPh sb="7" eb="8">
      <t>ブ</t>
    </rPh>
    <rPh sb="8" eb="10">
      <t>リスイ</t>
    </rPh>
    <rPh sb="10" eb="11">
      <t>カ</t>
    </rPh>
    <phoneticPr fontId="0"/>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環境農政局脱炭素戦略本部室</t>
    <rPh sb="0" eb="2">
      <t>カンキョウ</t>
    </rPh>
    <rPh sb="2" eb="5">
      <t>ノウセイキョク</t>
    </rPh>
    <rPh sb="5" eb="6">
      <t>ダツ</t>
    </rPh>
    <rPh sb="6" eb="12">
      <t>タンソセンリャクホンブ</t>
    </rPh>
    <rPh sb="12" eb="13">
      <t>シツ</t>
    </rPh>
    <phoneticPr fontId="0"/>
  </si>
  <si>
    <t>企業局総務室</t>
    <rPh sb="0" eb="2">
      <t>キギョウ</t>
    </rPh>
    <rPh sb="2" eb="3">
      <t>キョク</t>
    </rPh>
    <rPh sb="3" eb="5">
      <t>ソウム</t>
    </rPh>
    <rPh sb="5" eb="6">
      <t>シツ</t>
    </rPh>
    <phoneticPr fontId="0"/>
  </si>
  <si>
    <t>企業局相模川水系ダム管理事務所</t>
    <rPh sb="0" eb="2">
      <t>キギョウ</t>
    </rPh>
    <rPh sb="2" eb="3">
      <t>キョク</t>
    </rPh>
    <rPh sb="3" eb="5">
      <t>サガミ</t>
    </rPh>
    <rPh sb="5" eb="6">
      <t>ガワ</t>
    </rPh>
    <rPh sb="6" eb="8">
      <t>スイケイ</t>
    </rPh>
    <rPh sb="10" eb="15">
      <t>カンリジムショ</t>
    </rPh>
    <phoneticPr fontId="0"/>
  </si>
  <si>
    <t>厚木王子高等学校</t>
    <rPh sb="0" eb="8">
      <t>アツギオウジコウトウガッコウ</t>
    </rPh>
    <phoneticPr fontId="0"/>
  </si>
  <si>
    <t>金井高等学校</t>
    <rPh sb="0" eb="6">
      <t>カナイコウトウガッコウ</t>
    </rPh>
    <phoneticPr fontId="0"/>
  </si>
  <si>
    <t>福祉子どもみらい局福祉部障害サービス課</t>
    <rPh sb="0" eb="3">
      <t>フクシコ</t>
    </rPh>
    <rPh sb="9" eb="11">
      <t>フクシ</t>
    </rPh>
    <rPh sb="11" eb="12">
      <t>ブ</t>
    </rPh>
    <rPh sb="12" eb="14">
      <t>ショウガイ</t>
    </rPh>
    <rPh sb="18" eb="19">
      <t>カ</t>
    </rPh>
    <phoneticPr fontId="0"/>
  </si>
  <si>
    <t>産業労働局産業部産業振興課</t>
    <rPh sb="0" eb="13">
      <t>サンギョウロウドウキョクサンギョウブサンギョウシンコウカ</t>
    </rPh>
    <phoneticPr fontId="0"/>
  </si>
  <si>
    <t>交通規制課、各警察署</t>
    <rPh sb="0" eb="2">
      <t>コウツウ</t>
    </rPh>
    <rPh sb="2" eb="5">
      <t>キセイカ</t>
    </rPh>
    <rPh sb="6" eb="10">
      <t>カクケイサツショ</t>
    </rPh>
    <phoneticPr fontId="0"/>
  </si>
  <si>
    <t>健康医療局生活衛生部薬務課</t>
    <rPh sb="0" eb="2">
      <t>ケンコウ</t>
    </rPh>
    <rPh sb="2" eb="4">
      <t>イリョウ</t>
    </rPh>
    <rPh sb="4" eb="5">
      <t>キョク</t>
    </rPh>
    <rPh sb="5" eb="9">
      <t>セイカツエイセイ</t>
    </rPh>
    <rPh sb="9" eb="10">
      <t>ブ</t>
    </rPh>
    <rPh sb="10" eb="12">
      <t>ヤクム</t>
    </rPh>
    <rPh sb="12" eb="13">
      <t>カ</t>
    </rPh>
    <phoneticPr fontId="0"/>
  </si>
  <si>
    <t>環境農政局環境部環境課</t>
    <rPh sb="0" eb="2">
      <t>カンキョウ</t>
    </rPh>
    <rPh sb="2" eb="5">
      <t>ノウセイキョク</t>
    </rPh>
    <rPh sb="5" eb="7">
      <t>カンキョウ</t>
    </rPh>
    <rPh sb="7" eb="8">
      <t>ブ</t>
    </rPh>
    <rPh sb="8" eb="10">
      <t>カンキョウ</t>
    </rPh>
    <rPh sb="10" eb="11">
      <t>カ</t>
    </rPh>
    <phoneticPr fontId="0"/>
  </si>
  <si>
    <t>教育局指導部保健体育課</t>
    <rPh sb="0" eb="3">
      <t>キョウイクキョク</t>
    </rPh>
    <rPh sb="3" eb="5">
      <t>シドウ</t>
    </rPh>
    <rPh sb="5" eb="6">
      <t>ブ</t>
    </rPh>
    <rPh sb="6" eb="8">
      <t>ホケン</t>
    </rPh>
    <rPh sb="8" eb="10">
      <t>タイイク</t>
    </rPh>
    <rPh sb="10" eb="11">
      <t>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13"/>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7"/>
  </si>
  <si>
    <t>神奈川県健康医療局生活衛生部薬務課</t>
    <rPh sb="0" eb="4">
      <t>カナガワケン</t>
    </rPh>
    <rPh sb="4" eb="6">
      <t>ケンコウ</t>
    </rPh>
    <rPh sb="6" eb="8">
      <t>イリョウ</t>
    </rPh>
    <rPh sb="8" eb="9">
      <t>キョク</t>
    </rPh>
    <rPh sb="9" eb="13">
      <t>セイカツエイセイ</t>
    </rPh>
    <rPh sb="13" eb="14">
      <t>ブ</t>
    </rPh>
    <rPh sb="14" eb="16">
      <t>ヤクム</t>
    </rPh>
    <rPh sb="16" eb="17">
      <t>カ</t>
    </rPh>
    <phoneticPr fontId="7"/>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001601</t>
  </si>
  <si>
    <t>001701</t>
  </si>
  <si>
    <t>環境農政局緑政部自然環境保全課、各地域県政総合センター環境部</t>
  </si>
  <si>
    <t>狩猟免許更新講習受講者名簿</t>
  </si>
  <si>
    <t>狩猟登録者名簿</t>
  </si>
  <si>
    <t>2025.11.15時点</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6"/>
      <name val="ＭＳ 明朝"/>
      <family val="2"/>
      <charset val="128"/>
    </font>
    <font>
      <sz val="18"/>
      <color theme="1"/>
      <name val="ＭＳ ゴシック"/>
      <family val="3"/>
      <charset val="128"/>
    </font>
    <font>
      <sz val="11"/>
      <color theme="1"/>
      <name val="游ゴシック"/>
      <family val="2"/>
      <charset val="128"/>
      <scheme val="min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6500"/>
      <name val="ＭＳ 明朝"/>
      <family val="2"/>
      <charset val="128"/>
    </font>
    <font>
      <sz val="12"/>
      <color rgb="FFFA7D00"/>
      <name val="ＭＳ 明朝"/>
      <family val="2"/>
      <charset val="128"/>
    </font>
    <font>
      <sz val="12"/>
      <color rgb="FFFF000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s>
  <fills count="2">
    <fill>
      <patternFill patternType="none"/>
    </fill>
    <fill>
      <patternFill patternType="gray125"/>
    </fill>
  </fills>
  <borders count="22">
    <border>
      <left/>
      <right/>
      <top/>
      <bottom/>
      <diagonal/>
    </border>
    <border>
      <left style="thin">
        <color auto="1"/>
      </left>
      <right style="hair">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thin">
        <color auto="1"/>
      </bottom>
      <diagonal/>
    </border>
    <border>
      <left/>
      <right style="hair">
        <color auto="1"/>
      </right>
      <top/>
      <bottom style="hair">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s>
  <cellStyleXfs count="2">
    <xf numFmtId="0" fontId="0" fillId="0" borderId="0">
      <alignment vertical="center"/>
    </xf>
    <xf numFmtId="0" fontId="1" fillId="0" borderId="0">
      <alignment vertical="center"/>
    </xf>
  </cellStyleXfs>
  <cellXfs count="30">
    <xf numFmtId="0" fontId="0" fillId="0" borderId="0" xfId="0">
      <alignment vertical="center"/>
    </xf>
    <xf numFmtId="0" fontId="2" fillId="0" borderId="0" xfId="0" applyFont="1" applyAlignment="1">
      <alignment horizontal="center"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vertical="center" wrapText="1"/>
    </xf>
    <xf numFmtId="0" fontId="2" fillId="0" borderId="4" xfId="0" applyFont="1" applyBorder="1" applyAlignment="1">
      <alignment vertical="center" wrapText="1"/>
    </xf>
    <xf numFmtId="0" fontId="2" fillId="0" borderId="0" xfId="0" applyFont="1" applyAlignment="1">
      <alignment vertical="center" wrapText="1"/>
    </xf>
    <xf numFmtId="0" fontId="2" fillId="0" borderId="6" xfId="0" applyFont="1" applyBorder="1" applyAlignment="1">
      <alignment horizontal="center" vertical="center" wrapText="1"/>
    </xf>
    <xf numFmtId="0" fontId="4" fillId="0" borderId="5" xfId="0" applyFont="1" applyBorder="1" applyAlignment="1">
      <alignment horizontal="center" vertical="center" wrapText="1"/>
    </xf>
    <xf numFmtId="0" fontId="2" fillId="0" borderId="0" xfId="0" applyFont="1" applyAlignment="1">
      <alignment horizontal="center" vertical="center" wrapText="1"/>
    </xf>
    <xf numFmtId="0" fontId="6" fillId="0" borderId="7" xfId="0" applyFont="1" applyBorder="1" applyAlignment="1">
      <alignment horizontal="left" vertical="center"/>
    </xf>
    <xf numFmtId="0" fontId="6" fillId="0" borderId="8" xfId="0" applyFont="1" applyBorder="1" applyAlignment="1">
      <alignment horizontal="left" vertical="center"/>
    </xf>
    <xf numFmtId="0" fontId="6" fillId="0" borderId="15" xfId="0" applyFont="1" applyBorder="1" applyAlignment="1">
      <alignment horizontal="left" vertical="center"/>
    </xf>
    <xf numFmtId="0" fontId="4" fillId="0" borderId="7" xfId="0" applyFont="1" applyBorder="1" applyAlignment="1">
      <alignment horizontal="right" vertical="center"/>
    </xf>
    <xf numFmtId="0" fontId="4" fillId="0" borderId="8" xfId="0" applyFont="1" applyBorder="1" applyAlignment="1">
      <alignment horizontal="right" vertical="center"/>
    </xf>
    <xf numFmtId="0" fontId="4" fillId="0" borderId="15" xfId="0" applyFont="1" applyBorder="1" applyAlignment="1">
      <alignment horizontal="right" vertical="center"/>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21"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844"/>
  <sheetViews>
    <sheetView tabSelected="1" view="pageBreakPreview" zoomScale="85" zoomScaleNormal="100" zoomScaleSheetLayoutView="85" workbookViewId="0">
      <pane ySplit="3" topLeftCell="A18" activePane="bottomLeft" state="frozen"/>
      <selection pane="bottomLeft" activeCell="O40" sqref="O40"/>
    </sheetView>
  </sheetViews>
  <sheetFormatPr defaultColWidth="9" defaultRowHeight="30" customHeight="1" x14ac:dyDescent="0.45"/>
  <cols>
    <col min="1" max="1" width="18.296875" style="1" customWidth="1"/>
    <col min="2" max="2" width="17.5" style="1" customWidth="1"/>
    <col min="3" max="3" width="18.59765625" style="1" customWidth="1"/>
    <col min="4" max="4" width="32.3984375" style="1" customWidth="1"/>
    <col min="5" max="5" width="64.3984375" style="11" customWidth="1"/>
    <col min="6" max="7" width="3.69921875" style="8" customWidth="1"/>
    <col min="8" max="8" width="7.69921875" style="8" customWidth="1"/>
    <col min="9" max="9" width="3.69921875" style="8" customWidth="1"/>
    <col min="10" max="10" width="9.3984375" style="8" customWidth="1"/>
    <col min="11" max="16384" width="9" style="2"/>
  </cols>
  <sheetData>
    <row r="1" spans="1:10" s="3" customFormat="1" ht="30" customHeight="1" x14ac:dyDescent="0.45">
      <c r="A1" s="12" t="s">
        <v>462</v>
      </c>
      <c r="B1" s="13"/>
      <c r="C1" s="13"/>
      <c r="D1" s="13"/>
      <c r="E1" s="14"/>
      <c r="F1" s="15" t="s">
        <v>1434</v>
      </c>
      <c r="G1" s="16"/>
      <c r="H1" s="16"/>
      <c r="I1" s="16"/>
      <c r="J1" s="17"/>
    </row>
    <row r="2" spans="1:10" s="3" customFormat="1" ht="30" customHeight="1" x14ac:dyDescent="0.45">
      <c r="A2" s="21" t="s">
        <v>363</v>
      </c>
      <c r="B2" s="23" t="s">
        <v>364</v>
      </c>
      <c r="C2" s="23" t="s">
        <v>418</v>
      </c>
      <c r="D2" s="23" t="s">
        <v>362</v>
      </c>
      <c r="E2" s="25" t="s">
        <v>1</v>
      </c>
      <c r="F2" s="18" t="s">
        <v>0</v>
      </c>
      <c r="G2" s="19"/>
      <c r="H2" s="19"/>
      <c r="I2" s="19"/>
      <c r="J2" s="20"/>
    </row>
    <row r="3" spans="1:10" s="3" customFormat="1" ht="30" customHeight="1" x14ac:dyDescent="0.45">
      <c r="A3" s="22"/>
      <c r="B3" s="24"/>
      <c r="C3" s="24"/>
      <c r="D3" s="24"/>
      <c r="E3" s="26"/>
      <c r="F3" s="4"/>
      <c r="G3" s="27" t="s">
        <v>463</v>
      </c>
      <c r="H3" s="28"/>
      <c r="I3" s="29"/>
      <c r="J3" s="10" t="s">
        <v>2</v>
      </c>
    </row>
    <row r="4" spans="1:10" ht="26.4" x14ac:dyDescent="0.45">
      <c r="A4" s="6" t="s">
        <v>7</v>
      </c>
      <c r="B4" s="6" t="s">
        <v>8</v>
      </c>
      <c r="C4" s="6" t="s">
        <v>523</v>
      </c>
      <c r="D4" s="6" t="s">
        <v>523</v>
      </c>
      <c r="E4" s="7" t="s">
        <v>524</v>
      </c>
      <c r="F4" s="5" t="s">
        <v>3</v>
      </c>
      <c r="G4" s="9" t="s">
        <v>4</v>
      </c>
      <c r="H4" s="9" t="s">
        <v>519</v>
      </c>
      <c r="I4" s="9" t="s">
        <v>4</v>
      </c>
      <c r="J4" s="9" t="s">
        <v>30</v>
      </c>
    </row>
    <row r="5" spans="1:10" ht="26.4" x14ac:dyDescent="0.45">
      <c r="A5" s="6" t="s">
        <v>7</v>
      </c>
      <c r="B5" s="6" t="s">
        <v>8</v>
      </c>
      <c r="C5" s="6" t="s">
        <v>523</v>
      </c>
      <c r="D5" s="6" t="s">
        <v>523</v>
      </c>
      <c r="E5" s="7" t="s">
        <v>525</v>
      </c>
      <c r="F5" s="5" t="s">
        <v>3</v>
      </c>
      <c r="G5" s="9" t="s">
        <v>4</v>
      </c>
      <c r="H5" s="9" t="s">
        <v>519</v>
      </c>
      <c r="I5" s="9" t="s">
        <v>4</v>
      </c>
      <c r="J5" s="9" t="s">
        <v>520</v>
      </c>
    </row>
    <row r="6" spans="1:10" ht="26.4" x14ac:dyDescent="0.45">
      <c r="A6" s="6" t="s">
        <v>7</v>
      </c>
      <c r="B6" s="6" t="s">
        <v>8</v>
      </c>
      <c r="C6" s="6" t="s">
        <v>523</v>
      </c>
      <c r="D6" s="6" t="s">
        <v>523</v>
      </c>
      <c r="E6" s="7" t="s">
        <v>528</v>
      </c>
      <c r="F6" s="5" t="s">
        <v>3</v>
      </c>
      <c r="G6" s="9" t="s">
        <v>4</v>
      </c>
      <c r="H6" s="9" t="s">
        <v>519</v>
      </c>
      <c r="I6" s="9" t="s">
        <v>4</v>
      </c>
      <c r="J6" s="9" t="s">
        <v>522</v>
      </c>
    </row>
    <row r="7" spans="1:10" ht="13.2" x14ac:dyDescent="0.45">
      <c r="A7" s="6" t="s">
        <v>535</v>
      </c>
      <c r="B7" s="6" t="s">
        <v>634</v>
      </c>
      <c r="C7" s="6" t="s">
        <v>761</v>
      </c>
      <c r="D7" s="6" t="s">
        <v>1296</v>
      </c>
      <c r="E7" s="7" t="s">
        <v>1166</v>
      </c>
      <c r="F7" s="5" t="s">
        <v>3</v>
      </c>
      <c r="G7" s="9" t="s">
        <v>4</v>
      </c>
      <c r="H7" s="9" t="s">
        <v>146</v>
      </c>
      <c r="I7" s="9" t="s">
        <v>4</v>
      </c>
      <c r="J7" s="9" t="s">
        <v>19</v>
      </c>
    </row>
    <row r="8" spans="1:10" ht="13.2" x14ac:dyDescent="0.45">
      <c r="A8" s="6" t="s">
        <v>535</v>
      </c>
      <c r="B8" s="6" t="s">
        <v>634</v>
      </c>
      <c r="C8" s="6" t="s">
        <v>761</v>
      </c>
      <c r="D8" s="6" t="s">
        <v>1296</v>
      </c>
      <c r="E8" s="7" t="s">
        <v>1008</v>
      </c>
      <c r="F8" s="5" t="s">
        <v>3</v>
      </c>
      <c r="G8" s="9" t="s">
        <v>4</v>
      </c>
      <c r="H8" s="9" t="s">
        <v>146</v>
      </c>
      <c r="I8" s="9" t="s">
        <v>4</v>
      </c>
      <c r="J8" s="9" t="s">
        <v>27</v>
      </c>
    </row>
    <row r="9" spans="1:10" ht="13.2" x14ac:dyDescent="0.45">
      <c r="A9" s="6" t="s">
        <v>535</v>
      </c>
      <c r="B9" s="6" t="s">
        <v>634</v>
      </c>
      <c r="C9" s="6" t="s">
        <v>761</v>
      </c>
      <c r="D9" s="6" t="s">
        <v>1296</v>
      </c>
      <c r="E9" s="7" t="s">
        <v>1009</v>
      </c>
      <c r="F9" s="5" t="s">
        <v>3</v>
      </c>
      <c r="G9" s="9" t="s">
        <v>4</v>
      </c>
      <c r="H9" s="9" t="s">
        <v>146</v>
      </c>
      <c r="I9" s="9" t="s">
        <v>4</v>
      </c>
      <c r="J9" s="9" t="s">
        <v>89</v>
      </c>
    </row>
    <row r="10" spans="1:10" ht="13.2" x14ac:dyDescent="0.45">
      <c r="A10" s="6" t="s">
        <v>535</v>
      </c>
      <c r="B10" s="6" t="s">
        <v>633</v>
      </c>
      <c r="C10" s="6" t="s">
        <v>762</v>
      </c>
      <c r="D10" s="6" t="s">
        <v>1297</v>
      </c>
      <c r="E10" s="7" t="s">
        <v>1010</v>
      </c>
      <c r="F10" s="5" t="s">
        <v>3</v>
      </c>
      <c r="G10" s="9" t="s">
        <v>4</v>
      </c>
      <c r="H10" s="9" t="s">
        <v>146</v>
      </c>
      <c r="I10" s="9" t="s">
        <v>4</v>
      </c>
      <c r="J10" s="9" t="s">
        <v>90</v>
      </c>
    </row>
    <row r="11" spans="1:10" ht="26.4" x14ac:dyDescent="0.45">
      <c r="A11" s="6" t="s">
        <v>534</v>
      </c>
      <c r="B11" s="6" t="s">
        <v>610</v>
      </c>
      <c r="C11" s="6" t="s">
        <v>711</v>
      </c>
      <c r="D11" s="6" t="s">
        <v>1254</v>
      </c>
      <c r="E11" s="7" t="s">
        <v>518</v>
      </c>
      <c r="F11" s="5" t="s">
        <v>3</v>
      </c>
      <c r="G11" s="9" t="s">
        <v>4</v>
      </c>
      <c r="H11" s="9" t="s">
        <v>5</v>
      </c>
      <c r="I11" s="9" t="s">
        <v>4</v>
      </c>
      <c r="J11" s="9" t="s">
        <v>21</v>
      </c>
    </row>
    <row r="12" spans="1:10" ht="13.2" x14ac:dyDescent="0.45">
      <c r="A12" s="6" t="s">
        <v>534</v>
      </c>
      <c r="B12" s="6" t="s">
        <v>610</v>
      </c>
      <c r="C12" s="6" t="s">
        <v>711</v>
      </c>
      <c r="D12" s="6" t="s">
        <v>1254</v>
      </c>
      <c r="E12" s="7" t="s">
        <v>944</v>
      </c>
      <c r="F12" s="5" t="s">
        <v>3</v>
      </c>
      <c r="G12" s="9" t="s">
        <v>4</v>
      </c>
      <c r="H12" s="9" t="s">
        <v>5</v>
      </c>
      <c r="I12" s="9" t="s">
        <v>4</v>
      </c>
      <c r="J12" s="9" t="s">
        <v>22</v>
      </c>
    </row>
    <row r="13" spans="1:10" ht="13.2" x14ac:dyDescent="0.45">
      <c r="A13" s="6" t="s">
        <v>535</v>
      </c>
      <c r="B13" s="6" t="s">
        <v>633</v>
      </c>
      <c r="C13" s="6" t="s">
        <v>759</v>
      </c>
      <c r="D13" s="6" t="s">
        <v>1295</v>
      </c>
      <c r="E13" s="7" t="s">
        <v>1156</v>
      </c>
      <c r="F13" s="5" t="s">
        <v>3</v>
      </c>
      <c r="G13" s="9" t="s">
        <v>4</v>
      </c>
      <c r="H13" s="9" t="s">
        <v>143</v>
      </c>
      <c r="I13" s="9" t="s">
        <v>4</v>
      </c>
      <c r="J13" s="9" t="s">
        <v>19</v>
      </c>
    </row>
    <row r="14" spans="1:10" ht="13.2" x14ac:dyDescent="0.45">
      <c r="A14" s="6" t="s">
        <v>535</v>
      </c>
      <c r="B14" s="6" t="s">
        <v>633</v>
      </c>
      <c r="C14" s="6" t="s">
        <v>759</v>
      </c>
      <c r="D14" s="6" t="s">
        <v>1295</v>
      </c>
      <c r="E14" s="7" t="s">
        <v>1007</v>
      </c>
      <c r="F14" s="5" t="s">
        <v>3</v>
      </c>
      <c r="G14" s="9" t="s">
        <v>4</v>
      </c>
      <c r="H14" s="9" t="s">
        <v>143</v>
      </c>
      <c r="I14" s="9" t="s">
        <v>4</v>
      </c>
      <c r="J14" s="9" t="s">
        <v>27</v>
      </c>
    </row>
    <row r="15" spans="1:10" ht="13.2" x14ac:dyDescent="0.45">
      <c r="A15" s="6" t="s">
        <v>7</v>
      </c>
      <c r="B15" s="6" t="s">
        <v>8</v>
      </c>
      <c r="C15" s="6" t="s">
        <v>424</v>
      </c>
      <c r="D15" s="6" t="s">
        <v>1397</v>
      </c>
      <c r="E15" s="7" t="s">
        <v>1197</v>
      </c>
      <c r="F15" s="5" t="s">
        <v>3</v>
      </c>
      <c r="G15" s="9" t="s">
        <v>4</v>
      </c>
      <c r="H15" s="9" t="s">
        <v>143</v>
      </c>
      <c r="I15" s="9" t="s">
        <v>4</v>
      </c>
      <c r="J15" s="9" t="s">
        <v>12</v>
      </c>
    </row>
    <row r="16" spans="1:10" ht="26.4" x14ac:dyDescent="0.45">
      <c r="A16" s="6" t="s">
        <v>534</v>
      </c>
      <c r="B16" s="6" t="s">
        <v>610</v>
      </c>
      <c r="C16" s="6" t="s">
        <v>716</v>
      </c>
      <c r="D16" s="6" t="s">
        <v>1258</v>
      </c>
      <c r="E16" s="7" t="s">
        <v>1158</v>
      </c>
      <c r="F16" s="5" t="s">
        <v>3</v>
      </c>
      <c r="G16" s="9" t="s">
        <v>4</v>
      </c>
      <c r="H16" s="9" t="s">
        <v>35</v>
      </c>
      <c r="I16" s="9" t="s">
        <v>4</v>
      </c>
      <c r="J16" s="9" t="s">
        <v>343</v>
      </c>
    </row>
    <row r="17" spans="1:10" ht="26.4" x14ac:dyDescent="0.45">
      <c r="A17" s="6" t="s">
        <v>534</v>
      </c>
      <c r="B17" s="6" t="s">
        <v>610</v>
      </c>
      <c r="C17" s="6" t="s">
        <v>716</v>
      </c>
      <c r="D17" s="6" t="s">
        <v>1258</v>
      </c>
      <c r="E17" s="7" t="s">
        <v>949</v>
      </c>
      <c r="F17" s="5" t="s">
        <v>3</v>
      </c>
      <c r="G17" s="9" t="s">
        <v>4</v>
      </c>
      <c r="H17" s="9" t="s">
        <v>35</v>
      </c>
      <c r="I17" s="9" t="s">
        <v>4</v>
      </c>
      <c r="J17" s="9" t="s">
        <v>36</v>
      </c>
    </row>
    <row r="18" spans="1:10" ht="13.2" x14ac:dyDescent="0.45">
      <c r="A18" s="6" t="s">
        <v>547</v>
      </c>
      <c r="B18" s="6" t="s">
        <v>660</v>
      </c>
      <c r="C18" s="6" t="s">
        <v>869</v>
      </c>
      <c r="D18" s="6" t="s">
        <v>1375</v>
      </c>
      <c r="E18" s="7" t="s">
        <v>411</v>
      </c>
      <c r="F18" s="5" t="s">
        <v>3</v>
      </c>
      <c r="G18" s="9" t="s">
        <v>4</v>
      </c>
      <c r="H18" s="9" t="s">
        <v>342</v>
      </c>
      <c r="I18" s="9" t="s">
        <v>4</v>
      </c>
      <c r="J18" s="9" t="s">
        <v>19</v>
      </c>
    </row>
    <row r="19" spans="1:10" ht="13.2" x14ac:dyDescent="0.45">
      <c r="A19" s="6" t="s">
        <v>535</v>
      </c>
      <c r="B19" s="6" t="s">
        <v>633</v>
      </c>
      <c r="C19" s="6" t="s">
        <v>857</v>
      </c>
      <c r="D19" s="6" t="s">
        <v>1363</v>
      </c>
      <c r="E19" s="7" t="s">
        <v>1135</v>
      </c>
      <c r="F19" s="5" t="s">
        <v>3</v>
      </c>
      <c r="G19" s="9" t="s">
        <v>4</v>
      </c>
      <c r="H19" s="9" t="s">
        <v>325</v>
      </c>
      <c r="I19" s="9" t="s">
        <v>4</v>
      </c>
      <c r="J19" s="9" t="s">
        <v>19</v>
      </c>
    </row>
    <row r="20" spans="1:10" ht="13.2" x14ac:dyDescent="0.45">
      <c r="A20" s="6" t="s">
        <v>532</v>
      </c>
      <c r="B20" s="6" t="s">
        <v>629</v>
      </c>
      <c r="C20" s="6" t="s">
        <v>753</v>
      </c>
      <c r="D20" s="6" t="s">
        <v>1289</v>
      </c>
      <c r="E20" s="7" t="s">
        <v>1001</v>
      </c>
      <c r="F20" s="5" t="s">
        <v>3</v>
      </c>
      <c r="G20" s="9" t="s">
        <v>4</v>
      </c>
      <c r="H20" s="9" t="s">
        <v>131</v>
      </c>
      <c r="I20" s="9" t="s">
        <v>4</v>
      </c>
      <c r="J20" s="9" t="s">
        <v>6</v>
      </c>
    </row>
    <row r="21" spans="1:10" ht="13.2" x14ac:dyDescent="0.45">
      <c r="A21" s="6" t="s">
        <v>568</v>
      </c>
      <c r="B21" s="6" t="s">
        <v>610</v>
      </c>
      <c r="C21" s="6" t="s">
        <v>888</v>
      </c>
      <c r="D21" s="6" t="s">
        <v>1399</v>
      </c>
      <c r="E21" s="7" t="s">
        <v>1199</v>
      </c>
      <c r="F21" s="5" t="s">
        <v>3</v>
      </c>
      <c r="G21" s="9" t="s">
        <v>4</v>
      </c>
      <c r="H21" s="9" t="s">
        <v>422</v>
      </c>
      <c r="I21" s="9" t="s">
        <v>4</v>
      </c>
      <c r="J21" s="9" t="s">
        <v>423</v>
      </c>
    </row>
    <row r="22" spans="1:10" ht="13.2" x14ac:dyDescent="0.45">
      <c r="A22" s="6" t="s">
        <v>535</v>
      </c>
      <c r="B22" s="6" t="s">
        <v>611</v>
      </c>
      <c r="C22" s="6" t="s">
        <v>712</v>
      </c>
      <c r="D22" s="6" t="s">
        <v>1379</v>
      </c>
      <c r="E22" s="7" t="s">
        <v>413</v>
      </c>
      <c r="F22" s="5" t="s">
        <v>3</v>
      </c>
      <c r="G22" s="9" t="s">
        <v>4</v>
      </c>
      <c r="H22" s="9" t="s">
        <v>23</v>
      </c>
      <c r="I22" s="9" t="s">
        <v>4</v>
      </c>
      <c r="J22" s="9" t="s">
        <v>19</v>
      </c>
    </row>
    <row r="23" spans="1:10" ht="13.2" x14ac:dyDescent="0.45">
      <c r="A23" s="6" t="s">
        <v>535</v>
      </c>
      <c r="B23" s="6" t="s">
        <v>611</v>
      </c>
      <c r="C23" s="6" t="s">
        <v>712</v>
      </c>
      <c r="D23" s="6" t="s">
        <v>1255</v>
      </c>
      <c r="E23" s="7" t="s">
        <v>1013</v>
      </c>
      <c r="F23" s="5" t="s">
        <v>3</v>
      </c>
      <c r="G23" s="9" t="s">
        <v>4</v>
      </c>
      <c r="H23" s="9" t="s">
        <v>23</v>
      </c>
      <c r="I23" s="9" t="s">
        <v>4</v>
      </c>
      <c r="J23" s="9" t="s">
        <v>27</v>
      </c>
    </row>
    <row r="24" spans="1:10" ht="13.2" x14ac:dyDescent="0.45">
      <c r="A24" s="6" t="s">
        <v>591</v>
      </c>
      <c r="B24" s="6" t="s">
        <v>690</v>
      </c>
      <c r="C24" s="6" t="s">
        <v>920</v>
      </c>
      <c r="D24" s="6" t="s">
        <v>25</v>
      </c>
      <c r="E24" s="7" t="s">
        <v>498</v>
      </c>
      <c r="F24" s="5" t="s">
        <v>3</v>
      </c>
      <c r="G24" s="9" t="s">
        <v>4</v>
      </c>
      <c r="H24" s="9" t="s">
        <v>23</v>
      </c>
      <c r="I24" s="9" t="s">
        <v>4</v>
      </c>
      <c r="J24" s="9" t="s">
        <v>89</v>
      </c>
    </row>
    <row r="25" spans="1:10" ht="13.2" x14ac:dyDescent="0.45">
      <c r="A25" s="6" t="s">
        <v>535</v>
      </c>
      <c r="B25" s="6" t="s">
        <v>611</v>
      </c>
      <c r="C25" s="6" t="s">
        <v>712</v>
      </c>
      <c r="D25" s="6" t="s">
        <v>1255</v>
      </c>
      <c r="E25" s="7" t="s">
        <v>365</v>
      </c>
      <c r="F25" s="5" t="s">
        <v>3</v>
      </c>
      <c r="G25" s="9" t="s">
        <v>4</v>
      </c>
      <c r="H25" s="9" t="s">
        <v>23</v>
      </c>
      <c r="I25" s="9" t="s">
        <v>4</v>
      </c>
      <c r="J25" s="9" t="s">
        <v>24</v>
      </c>
    </row>
    <row r="26" spans="1:10" ht="13.2" x14ac:dyDescent="0.45">
      <c r="A26" s="6" t="s">
        <v>535</v>
      </c>
      <c r="B26" s="6" t="s">
        <v>611</v>
      </c>
      <c r="C26" s="6" t="s">
        <v>712</v>
      </c>
      <c r="D26" s="6" t="s">
        <v>1255</v>
      </c>
      <c r="E26" s="7" t="s">
        <v>366</v>
      </c>
      <c r="F26" s="5" t="s">
        <v>3</v>
      </c>
      <c r="G26" s="9" t="s">
        <v>4</v>
      </c>
      <c r="H26" s="9" t="s">
        <v>23</v>
      </c>
      <c r="I26" s="9" t="s">
        <v>4</v>
      </c>
      <c r="J26" s="9" t="s">
        <v>28</v>
      </c>
    </row>
    <row r="27" spans="1:10" ht="13.2" x14ac:dyDescent="0.45">
      <c r="A27" s="6" t="s">
        <v>540</v>
      </c>
      <c r="B27" s="6" t="s">
        <v>665</v>
      </c>
      <c r="C27" s="6" t="s">
        <v>883</v>
      </c>
      <c r="D27" s="6" t="s">
        <v>361</v>
      </c>
      <c r="E27" s="7" t="s">
        <v>1188</v>
      </c>
      <c r="F27" s="5" t="s">
        <v>3</v>
      </c>
      <c r="G27" s="9" t="s">
        <v>4</v>
      </c>
      <c r="H27" s="9" t="s">
        <v>360</v>
      </c>
      <c r="I27" s="9" t="s">
        <v>4</v>
      </c>
      <c r="J27" s="9" t="s">
        <v>19</v>
      </c>
    </row>
    <row r="28" spans="1:10" ht="13.2" x14ac:dyDescent="0.45">
      <c r="A28" s="6" t="s">
        <v>540</v>
      </c>
      <c r="B28" s="6" t="s">
        <v>665</v>
      </c>
      <c r="C28" s="6" t="s">
        <v>884</v>
      </c>
      <c r="D28" s="6" t="s">
        <v>361</v>
      </c>
      <c r="E28" s="7" t="s">
        <v>1189</v>
      </c>
      <c r="F28" s="5" t="s">
        <v>3</v>
      </c>
      <c r="G28" s="9" t="s">
        <v>4</v>
      </c>
      <c r="H28" s="9" t="s">
        <v>360</v>
      </c>
      <c r="I28" s="9" t="s">
        <v>4</v>
      </c>
      <c r="J28" s="9" t="s">
        <v>27</v>
      </c>
    </row>
    <row r="29" spans="1:10" ht="13.2" x14ac:dyDescent="0.45">
      <c r="A29" s="6" t="s">
        <v>532</v>
      </c>
      <c r="B29" s="6" t="s">
        <v>607</v>
      </c>
      <c r="C29" s="6" t="s">
        <v>707</v>
      </c>
      <c r="D29" s="6" t="s">
        <v>1249</v>
      </c>
      <c r="E29" s="7" t="s">
        <v>938</v>
      </c>
      <c r="F29" s="5" t="s">
        <v>3</v>
      </c>
      <c r="G29" s="9" t="s">
        <v>4</v>
      </c>
      <c r="H29" s="9" t="s">
        <v>9</v>
      </c>
      <c r="I29" s="9" t="s">
        <v>4</v>
      </c>
      <c r="J29" s="9" t="s">
        <v>10</v>
      </c>
    </row>
    <row r="30" spans="1:10" ht="13.2" x14ac:dyDescent="0.45">
      <c r="A30" s="6" t="s">
        <v>532</v>
      </c>
      <c r="B30" s="6" t="s">
        <v>607</v>
      </c>
      <c r="C30" s="6" t="s">
        <v>708</v>
      </c>
      <c r="D30" s="6" t="s">
        <v>1250</v>
      </c>
      <c r="E30" s="7" t="s">
        <v>939</v>
      </c>
      <c r="F30" s="5" t="s">
        <v>3</v>
      </c>
      <c r="G30" s="9" t="s">
        <v>4</v>
      </c>
      <c r="H30" s="9" t="s">
        <v>11</v>
      </c>
      <c r="I30" s="9" t="s">
        <v>4</v>
      </c>
      <c r="J30" s="9" t="s">
        <v>12</v>
      </c>
    </row>
    <row r="31" spans="1:10" ht="13.2" x14ac:dyDescent="0.45">
      <c r="A31" s="6" t="s">
        <v>547</v>
      </c>
      <c r="B31" s="6" t="s">
        <v>635</v>
      </c>
      <c r="C31" s="6" t="s">
        <v>765</v>
      </c>
      <c r="D31" s="6" t="s">
        <v>1298</v>
      </c>
      <c r="E31" s="7" t="s">
        <v>1015</v>
      </c>
      <c r="F31" s="5" t="s">
        <v>3</v>
      </c>
      <c r="G31" s="9" t="s">
        <v>4</v>
      </c>
      <c r="H31" s="9" t="s">
        <v>153</v>
      </c>
      <c r="I31" s="9" t="s">
        <v>4</v>
      </c>
      <c r="J31" s="9" t="s">
        <v>81</v>
      </c>
    </row>
    <row r="32" spans="1:10" ht="13.2" x14ac:dyDescent="0.45">
      <c r="A32" s="6" t="s">
        <v>547</v>
      </c>
      <c r="B32" s="6" t="s">
        <v>635</v>
      </c>
      <c r="C32" s="6" t="s">
        <v>765</v>
      </c>
      <c r="D32" s="6" t="s">
        <v>1298</v>
      </c>
      <c r="E32" s="7" t="s">
        <v>1014</v>
      </c>
      <c r="F32" s="5" t="s">
        <v>3</v>
      </c>
      <c r="G32" s="9" t="s">
        <v>4</v>
      </c>
      <c r="H32" s="9" t="s">
        <v>153</v>
      </c>
      <c r="I32" s="9" t="s">
        <v>4</v>
      </c>
      <c r="J32" s="9" t="s">
        <v>154</v>
      </c>
    </row>
    <row r="33" spans="1:10" ht="13.2" x14ac:dyDescent="0.45">
      <c r="A33" s="6" t="s">
        <v>558</v>
      </c>
      <c r="B33" s="6" t="s">
        <v>654</v>
      </c>
      <c r="C33" s="6" t="s">
        <v>846</v>
      </c>
      <c r="D33" s="6" t="s">
        <v>1346</v>
      </c>
      <c r="E33" s="7" t="s">
        <v>1121</v>
      </c>
      <c r="F33" s="5" t="s">
        <v>3</v>
      </c>
      <c r="G33" s="9" t="s">
        <v>4</v>
      </c>
      <c r="H33" s="9" t="s">
        <v>318</v>
      </c>
      <c r="I33" s="9" t="s">
        <v>4</v>
      </c>
      <c r="J33" s="9" t="s">
        <v>19</v>
      </c>
    </row>
    <row r="34" spans="1:10" ht="26.4" x14ac:dyDescent="0.45">
      <c r="A34" s="6" t="s">
        <v>532</v>
      </c>
      <c r="B34" s="6" t="s">
        <v>608</v>
      </c>
      <c r="C34" s="6" t="s">
        <v>709</v>
      </c>
      <c r="D34" s="6" t="s">
        <v>1252</v>
      </c>
      <c r="E34" s="7" t="s">
        <v>942</v>
      </c>
      <c r="F34" s="5" t="s">
        <v>3</v>
      </c>
      <c r="G34" s="9" t="s">
        <v>4</v>
      </c>
      <c r="H34" s="9" t="s">
        <v>16</v>
      </c>
      <c r="I34" s="9" t="s">
        <v>4</v>
      </c>
      <c r="J34" s="9" t="s">
        <v>17</v>
      </c>
    </row>
    <row r="35" spans="1:10" ht="13.2" x14ac:dyDescent="0.45">
      <c r="A35" s="6" t="s">
        <v>532</v>
      </c>
      <c r="B35" s="6" t="s">
        <v>608</v>
      </c>
      <c r="C35" s="6" t="s">
        <v>707</v>
      </c>
      <c r="D35" s="6" t="s">
        <v>1251</v>
      </c>
      <c r="E35" s="7" t="s">
        <v>941</v>
      </c>
      <c r="F35" s="5" t="s">
        <v>3</v>
      </c>
      <c r="G35" s="9" t="s">
        <v>4</v>
      </c>
      <c r="H35" s="9" t="s">
        <v>13</v>
      </c>
      <c r="I35" s="9" t="s">
        <v>4</v>
      </c>
      <c r="J35" s="9" t="s">
        <v>15</v>
      </c>
    </row>
    <row r="36" spans="1:10" ht="13.2" x14ac:dyDescent="0.45">
      <c r="A36" s="6" t="s">
        <v>532</v>
      </c>
      <c r="B36" s="6" t="s">
        <v>608</v>
      </c>
      <c r="C36" s="6" t="s">
        <v>707</v>
      </c>
      <c r="D36" s="6" t="s">
        <v>1251</v>
      </c>
      <c r="E36" s="7" t="s">
        <v>940</v>
      </c>
      <c r="F36" s="5" t="s">
        <v>3</v>
      </c>
      <c r="G36" s="9" t="s">
        <v>4</v>
      </c>
      <c r="H36" s="9" t="s">
        <v>13</v>
      </c>
      <c r="I36" s="9" t="s">
        <v>4</v>
      </c>
      <c r="J36" s="9" t="s">
        <v>14</v>
      </c>
    </row>
    <row r="37" spans="1:10" ht="13.2" x14ac:dyDescent="0.45">
      <c r="A37" s="6" t="s">
        <v>547</v>
      </c>
      <c r="B37" s="6" t="s">
        <v>636</v>
      </c>
      <c r="C37" s="6" t="s">
        <v>766</v>
      </c>
      <c r="D37" s="6" t="s">
        <v>1299</v>
      </c>
      <c r="E37" s="7" t="s">
        <v>1016</v>
      </c>
      <c r="F37" s="5" t="s">
        <v>3</v>
      </c>
      <c r="G37" s="9" t="s">
        <v>4</v>
      </c>
      <c r="H37" s="9" t="s">
        <v>155</v>
      </c>
      <c r="I37" s="9" t="s">
        <v>4</v>
      </c>
      <c r="J37" s="9" t="s">
        <v>156</v>
      </c>
    </row>
    <row r="38" spans="1:10" ht="13.2" x14ac:dyDescent="0.45">
      <c r="A38" s="6" t="s">
        <v>547</v>
      </c>
      <c r="B38" s="6" t="s">
        <v>636</v>
      </c>
      <c r="C38" s="6" t="s">
        <v>766</v>
      </c>
      <c r="D38" s="6" t="s">
        <v>1299</v>
      </c>
      <c r="E38" s="7" t="s">
        <v>1017</v>
      </c>
      <c r="F38" s="5" t="s">
        <v>3</v>
      </c>
      <c r="G38" s="9" t="s">
        <v>4</v>
      </c>
      <c r="H38" s="9" t="s">
        <v>155</v>
      </c>
      <c r="I38" s="9" t="s">
        <v>4</v>
      </c>
      <c r="J38" s="9" t="s">
        <v>157</v>
      </c>
    </row>
    <row r="39" spans="1:10" ht="13.2" x14ac:dyDescent="0.45">
      <c r="A39" s="6" t="s">
        <v>547</v>
      </c>
      <c r="B39" s="6" t="s">
        <v>636</v>
      </c>
      <c r="C39" s="6" t="s">
        <v>766</v>
      </c>
      <c r="D39" s="6" t="s">
        <v>1299</v>
      </c>
      <c r="E39" s="7" t="s">
        <v>1018</v>
      </c>
      <c r="F39" s="5" t="s">
        <v>3</v>
      </c>
      <c r="G39" s="9" t="s">
        <v>4</v>
      </c>
      <c r="H39" s="9" t="s">
        <v>155</v>
      </c>
      <c r="I39" s="9" t="s">
        <v>4</v>
      </c>
      <c r="J39" s="9" t="s">
        <v>158</v>
      </c>
    </row>
    <row r="40" spans="1:10" ht="13.2" x14ac:dyDescent="0.45">
      <c r="A40" s="6" t="s">
        <v>547</v>
      </c>
      <c r="B40" s="6" t="s">
        <v>636</v>
      </c>
      <c r="C40" s="6" t="s">
        <v>766</v>
      </c>
      <c r="D40" s="6" t="s">
        <v>1299</v>
      </c>
      <c r="E40" s="7" t="s">
        <v>1019</v>
      </c>
      <c r="F40" s="5" t="s">
        <v>3</v>
      </c>
      <c r="G40" s="9" t="s">
        <v>4</v>
      </c>
      <c r="H40" s="9" t="s">
        <v>155</v>
      </c>
      <c r="I40" s="9" t="s">
        <v>4</v>
      </c>
      <c r="J40" s="9" t="s">
        <v>159</v>
      </c>
    </row>
    <row r="41" spans="1:10" ht="13.2" x14ac:dyDescent="0.45">
      <c r="A41" s="6" t="s">
        <v>547</v>
      </c>
      <c r="B41" s="6" t="s">
        <v>636</v>
      </c>
      <c r="C41" s="6" t="s">
        <v>766</v>
      </c>
      <c r="D41" s="6" t="s">
        <v>1299</v>
      </c>
      <c r="E41" s="7" t="s">
        <v>1020</v>
      </c>
      <c r="F41" s="5" t="s">
        <v>3</v>
      </c>
      <c r="G41" s="9" t="s">
        <v>4</v>
      </c>
      <c r="H41" s="9" t="s">
        <v>155</v>
      </c>
      <c r="I41" s="9" t="s">
        <v>4</v>
      </c>
      <c r="J41" s="9" t="s">
        <v>160</v>
      </c>
    </row>
    <row r="42" spans="1:10" ht="13.2" x14ac:dyDescent="0.45">
      <c r="A42" s="6" t="s">
        <v>547</v>
      </c>
      <c r="B42" s="6" t="s">
        <v>613</v>
      </c>
      <c r="C42" s="6" t="s">
        <v>768</v>
      </c>
      <c r="D42" s="6" t="s">
        <v>1300</v>
      </c>
      <c r="E42" s="7" t="s">
        <v>412</v>
      </c>
      <c r="F42" s="5" t="s">
        <v>3</v>
      </c>
      <c r="G42" s="9" t="s">
        <v>4</v>
      </c>
      <c r="H42" s="9" t="s">
        <v>163</v>
      </c>
      <c r="I42" s="9" t="s">
        <v>4</v>
      </c>
      <c r="J42" s="9" t="s">
        <v>19</v>
      </c>
    </row>
    <row r="43" spans="1:10" ht="13.2" x14ac:dyDescent="0.45">
      <c r="A43" s="6" t="s">
        <v>547</v>
      </c>
      <c r="B43" s="6" t="s">
        <v>613</v>
      </c>
      <c r="C43" s="6" t="s">
        <v>768</v>
      </c>
      <c r="D43" s="6" t="s">
        <v>1300</v>
      </c>
      <c r="E43" s="7" t="s">
        <v>386</v>
      </c>
      <c r="F43" s="5" t="s">
        <v>3</v>
      </c>
      <c r="G43" s="9" t="s">
        <v>4</v>
      </c>
      <c r="H43" s="9" t="s">
        <v>163</v>
      </c>
      <c r="I43" s="9" t="s">
        <v>4</v>
      </c>
      <c r="J43" s="9" t="s">
        <v>27</v>
      </c>
    </row>
    <row r="44" spans="1:10" ht="13.2" x14ac:dyDescent="0.45">
      <c r="A44" s="6" t="s">
        <v>547</v>
      </c>
      <c r="B44" s="6" t="s">
        <v>637</v>
      </c>
      <c r="C44" s="6" t="s">
        <v>770</v>
      </c>
      <c r="D44" s="6" t="s">
        <v>1301</v>
      </c>
      <c r="E44" s="7" t="s">
        <v>403</v>
      </c>
      <c r="F44" s="5" t="s">
        <v>3</v>
      </c>
      <c r="G44" s="9" t="s">
        <v>4</v>
      </c>
      <c r="H44" s="9" t="s">
        <v>166</v>
      </c>
      <c r="I44" s="9" t="s">
        <v>4</v>
      </c>
      <c r="J44" s="9" t="s">
        <v>19</v>
      </c>
    </row>
    <row r="45" spans="1:10" ht="13.2" x14ac:dyDescent="0.45">
      <c r="A45" s="6" t="s">
        <v>547</v>
      </c>
      <c r="B45" s="6" t="s">
        <v>637</v>
      </c>
      <c r="C45" s="6" t="s">
        <v>770</v>
      </c>
      <c r="D45" s="6" t="s">
        <v>1301</v>
      </c>
      <c r="E45" s="7" t="s">
        <v>1021</v>
      </c>
      <c r="F45" s="5" t="s">
        <v>3</v>
      </c>
      <c r="G45" s="9" t="s">
        <v>4</v>
      </c>
      <c r="H45" s="9" t="s">
        <v>166</v>
      </c>
      <c r="I45" s="9" t="s">
        <v>4</v>
      </c>
      <c r="J45" s="9" t="s">
        <v>27</v>
      </c>
    </row>
    <row r="46" spans="1:10" ht="26.4" x14ac:dyDescent="0.45">
      <c r="A46" s="6" t="s">
        <v>547</v>
      </c>
      <c r="B46" s="6" t="s">
        <v>637</v>
      </c>
      <c r="C46" s="6" t="s">
        <v>770</v>
      </c>
      <c r="D46" s="6" t="s">
        <v>1301</v>
      </c>
      <c r="E46" s="7" t="s">
        <v>468</v>
      </c>
      <c r="F46" s="5" t="s">
        <v>3</v>
      </c>
      <c r="G46" s="9" t="s">
        <v>4</v>
      </c>
      <c r="H46" s="9" t="s">
        <v>166</v>
      </c>
      <c r="I46" s="9" t="s">
        <v>4</v>
      </c>
      <c r="J46" s="9" t="s">
        <v>90</v>
      </c>
    </row>
    <row r="47" spans="1:10" ht="13.2" x14ac:dyDescent="0.45">
      <c r="A47" s="6" t="s">
        <v>547</v>
      </c>
      <c r="B47" s="6" t="s">
        <v>637</v>
      </c>
      <c r="C47" s="6" t="s">
        <v>770</v>
      </c>
      <c r="D47" s="6" t="s">
        <v>1301</v>
      </c>
      <c r="E47" s="7" t="s">
        <v>387</v>
      </c>
      <c r="F47" s="5" t="s">
        <v>3</v>
      </c>
      <c r="G47" s="9" t="s">
        <v>4</v>
      </c>
      <c r="H47" s="9" t="s">
        <v>166</v>
      </c>
      <c r="I47" s="9" t="s">
        <v>4</v>
      </c>
      <c r="J47" s="9" t="s">
        <v>91</v>
      </c>
    </row>
    <row r="48" spans="1:10" ht="13.2" x14ac:dyDescent="0.45">
      <c r="A48" s="6" t="s">
        <v>547</v>
      </c>
      <c r="B48" s="6" t="s">
        <v>637</v>
      </c>
      <c r="C48" s="6" t="s">
        <v>770</v>
      </c>
      <c r="D48" s="6" t="s">
        <v>1301</v>
      </c>
      <c r="E48" s="7" t="s">
        <v>388</v>
      </c>
      <c r="F48" s="5" t="s">
        <v>3</v>
      </c>
      <c r="G48" s="9" t="s">
        <v>4</v>
      </c>
      <c r="H48" s="9" t="s">
        <v>166</v>
      </c>
      <c r="I48" s="9" t="s">
        <v>4</v>
      </c>
      <c r="J48" s="9" t="s">
        <v>92</v>
      </c>
    </row>
    <row r="49" spans="1:10" ht="13.2" x14ac:dyDescent="0.45">
      <c r="A49" s="6" t="s">
        <v>532</v>
      </c>
      <c r="B49" s="6" t="s">
        <v>612</v>
      </c>
      <c r="C49" s="6" t="s">
        <v>713</v>
      </c>
      <c r="D49" s="6" t="s">
        <v>1256</v>
      </c>
      <c r="E49" s="7" t="s">
        <v>948</v>
      </c>
      <c r="F49" s="5" t="s">
        <v>3</v>
      </c>
      <c r="G49" s="9" t="s">
        <v>4</v>
      </c>
      <c r="H49" s="9" t="s">
        <v>31</v>
      </c>
      <c r="I49" s="9" t="s">
        <v>4</v>
      </c>
      <c r="J49" s="9" t="s">
        <v>32</v>
      </c>
    </row>
    <row r="50" spans="1:10" ht="13.2" x14ac:dyDescent="0.45">
      <c r="A50" s="6" t="s">
        <v>532</v>
      </c>
      <c r="B50" s="6" t="s">
        <v>612</v>
      </c>
      <c r="C50" s="6" t="s">
        <v>713</v>
      </c>
      <c r="D50" s="6" t="s">
        <v>1256</v>
      </c>
      <c r="E50" s="7" t="s">
        <v>947</v>
      </c>
      <c r="F50" s="5" t="s">
        <v>3</v>
      </c>
      <c r="G50" s="9" t="s">
        <v>4</v>
      </c>
      <c r="H50" s="9" t="s">
        <v>31</v>
      </c>
      <c r="I50" s="9" t="s">
        <v>4</v>
      </c>
      <c r="J50" s="9" t="s">
        <v>12</v>
      </c>
    </row>
    <row r="51" spans="1:10" ht="13.2" x14ac:dyDescent="0.45">
      <c r="A51" s="6" t="s">
        <v>532</v>
      </c>
      <c r="B51" s="6" t="s">
        <v>613</v>
      </c>
      <c r="C51" s="6" t="s">
        <v>714</v>
      </c>
      <c r="D51" s="6" t="s">
        <v>1257</v>
      </c>
      <c r="E51" s="7" t="s">
        <v>946</v>
      </c>
      <c r="F51" s="5" t="s">
        <v>3</v>
      </c>
      <c r="G51" s="9" t="s">
        <v>4</v>
      </c>
      <c r="H51" s="9" t="s">
        <v>29</v>
      </c>
      <c r="I51" s="9" t="s">
        <v>4</v>
      </c>
      <c r="J51" s="9" t="s">
        <v>30</v>
      </c>
    </row>
    <row r="52" spans="1:10" ht="13.2" x14ac:dyDescent="0.45">
      <c r="A52" s="6" t="s">
        <v>532</v>
      </c>
      <c r="B52" s="6" t="s">
        <v>613</v>
      </c>
      <c r="C52" s="6" t="s">
        <v>714</v>
      </c>
      <c r="D52" s="6" t="s">
        <v>1257</v>
      </c>
      <c r="E52" s="7" t="s">
        <v>999</v>
      </c>
      <c r="F52" s="5" t="s">
        <v>3</v>
      </c>
      <c r="G52" s="9" t="s">
        <v>4</v>
      </c>
      <c r="H52" s="9" t="s">
        <v>29</v>
      </c>
      <c r="I52" s="9" t="s">
        <v>4</v>
      </c>
      <c r="J52" s="9" t="s">
        <v>6</v>
      </c>
    </row>
    <row r="53" spans="1:10" ht="13.2" x14ac:dyDescent="0.45">
      <c r="A53" s="6" t="s">
        <v>541</v>
      </c>
      <c r="B53" s="6" t="s">
        <v>613</v>
      </c>
      <c r="C53" s="6" t="s">
        <v>728</v>
      </c>
      <c r="D53" s="6" t="s">
        <v>1257</v>
      </c>
      <c r="E53" s="7" t="s">
        <v>974</v>
      </c>
      <c r="F53" s="5" t="s">
        <v>3</v>
      </c>
      <c r="G53" s="9" t="s">
        <v>4</v>
      </c>
      <c r="H53" s="9" t="s">
        <v>29</v>
      </c>
      <c r="I53" s="9" t="s">
        <v>4</v>
      </c>
      <c r="J53" s="9" t="s">
        <v>21</v>
      </c>
    </row>
    <row r="54" spans="1:10" ht="13.2" x14ac:dyDescent="0.45">
      <c r="A54" s="6" t="s">
        <v>541</v>
      </c>
      <c r="B54" s="6" t="s">
        <v>613</v>
      </c>
      <c r="C54" s="6" t="s">
        <v>728</v>
      </c>
      <c r="D54" s="6" t="s">
        <v>1257</v>
      </c>
      <c r="E54" s="7" t="s">
        <v>975</v>
      </c>
      <c r="F54" s="5" t="s">
        <v>3</v>
      </c>
      <c r="G54" s="9" t="s">
        <v>4</v>
      </c>
      <c r="H54" s="9" t="s">
        <v>29</v>
      </c>
      <c r="I54" s="9" t="s">
        <v>4</v>
      </c>
      <c r="J54" s="9" t="s">
        <v>22</v>
      </c>
    </row>
    <row r="55" spans="1:10" ht="13.2" x14ac:dyDescent="0.45">
      <c r="A55" s="6" t="s">
        <v>541</v>
      </c>
      <c r="B55" s="6" t="s">
        <v>613</v>
      </c>
      <c r="C55" s="6" t="s">
        <v>728</v>
      </c>
      <c r="D55" s="6" t="s">
        <v>1257</v>
      </c>
      <c r="E55" s="7" t="s">
        <v>976</v>
      </c>
      <c r="F55" s="5" t="s">
        <v>3</v>
      </c>
      <c r="G55" s="9" t="s">
        <v>4</v>
      </c>
      <c r="H55" s="9" t="s">
        <v>29</v>
      </c>
      <c r="I55" s="9" t="s">
        <v>4</v>
      </c>
      <c r="J55" s="9" t="s">
        <v>24</v>
      </c>
    </row>
    <row r="56" spans="1:10" ht="13.2" x14ac:dyDescent="0.45">
      <c r="A56" s="6" t="s">
        <v>541</v>
      </c>
      <c r="B56" s="6" t="s">
        <v>613</v>
      </c>
      <c r="C56" s="6" t="s">
        <v>728</v>
      </c>
      <c r="D56" s="6" t="s">
        <v>1257</v>
      </c>
      <c r="E56" s="7" t="s">
        <v>994</v>
      </c>
      <c r="F56" s="5" t="s">
        <v>3</v>
      </c>
      <c r="G56" s="9" t="s">
        <v>4</v>
      </c>
      <c r="H56" s="9" t="s">
        <v>29</v>
      </c>
      <c r="I56" s="9" t="s">
        <v>4</v>
      </c>
      <c r="J56" s="9" t="s">
        <v>28</v>
      </c>
    </row>
    <row r="57" spans="1:10" ht="13.2" x14ac:dyDescent="0.45">
      <c r="A57" s="6" t="s">
        <v>532</v>
      </c>
      <c r="B57" s="6" t="s">
        <v>612</v>
      </c>
      <c r="C57" s="6" t="s">
        <v>713</v>
      </c>
      <c r="D57" s="6" t="s">
        <v>1256</v>
      </c>
      <c r="E57" s="7" t="s">
        <v>1122</v>
      </c>
      <c r="F57" s="5" t="s">
        <v>3</v>
      </c>
      <c r="G57" s="9" t="s">
        <v>4</v>
      </c>
      <c r="H57" s="9" t="s">
        <v>26</v>
      </c>
      <c r="I57" s="9" t="s">
        <v>4</v>
      </c>
      <c r="J57" s="9" t="s">
        <v>19</v>
      </c>
    </row>
    <row r="58" spans="1:10" ht="13.2" x14ac:dyDescent="0.45">
      <c r="A58" s="6" t="s">
        <v>532</v>
      </c>
      <c r="B58" s="6" t="s">
        <v>612</v>
      </c>
      <c r="C58" s="6" t="s">
        <v>713</v>
      </c>
      <c r="D58" s="6" t="s">
        <v>1256</v>
      </c>
      <c r="E58" s="7" t="s">
        <v>945</v>
      </c>
      <c r="F58" s="5" t="s">
        <v>3</v>
      </c>
      <c r="G58" s="9" t="s">
        <v>4</v>
      </c>
      <c r="H58" s="9" t="s">
        <v>26</v>
      </c>
      <c r="I58" s="9" t="s">
        <v>4</v>
      </c>
      <c r="J58" s="9" t="s">
        <v>27</v>
      </c>
    </row>
    <row r="59" spans="1:10" ht="13.2" x14ac:dyDescent="0.45">
      <c r="A59" s="6" t="s">
        <v>547</v>
      </c>
      <c r="B59" s="6" t="s">
        <v>638</v>
      </c>
      <c r="C59" s="6" t="s">
        <v>771</v>
      </c>
      <c r="D59" s="6" t="s">
        <v>1302</v>
      </c>
      <c r="E59" s="7" t="s">
        <v>1022</v>
      </c>
      <c r="F59" s="5" t="s">
        <v>3</v>
      </c>
      <c r="G59" s="9" t="s">
        <v>4</v>
      </c>
      <c r="H59" s="9" t="s">
        <v>167</v>
      </c>
      <c r="I59" s="9" t="s">
        <v>4</v>
      </c>
      <c r="J59" s="9" t="s">
        <v>168</v>
      </c>
    </row>
    <row r="60" spans="1:10" ht="13.2" x14ac:dyDescent="0.45">
      <c r="A60" s="6" t="s">
        <v>532</v>
      </c>
      <c r="B60" s="6" t="s">
        <v>615</v>
      </c>
      <c r="C60" s="6" t="s">
        <v>707</v>
      </c>
      <c r="D60" s="6" t="s">
        <v>1259</v>
      </c>
      <c r="E60" s="7" t="s">
        <v>950</v>
      </c>
      <c r="F60" s="5" t="s">
        <v>3</v>
      </c>
      <c r="G60" s="9" t="s">
        <v>4</v>
      </c>
      <c r="H60" s="9" t="s">
        <v>37</v>
      </c>
      <c r="I60" s="9" t="s">
        <v>4</v>
      </c>
      <c r="J60" s="9" t="s">
        <v>38</v>
      </c>
    </row>
    <row r="61" spans="1:10" ht="13.2" x14ac:dyDescent="0.45">
      <c r="A61" s="6" t="s">
        <v>532</v>
      </c>
      <c r="B61" s="6" t="s">
        <v>615</v>
      </c>
      <c r="C61" s="6" t="s">
        <v>454</v>
      </c>
      <c r="D61" s="6" t="s">
        <v>1260</v>
      </c>
      <c r="E61" s="7" t="s">
        <v>368</v>
      </c>
      <c r="F61" s="5" t="s">
        <v>3</v>
      </c>
      <c r="G61" s="9" t="s">
        <v>4</v>
      </c>
      <c r="H61" s="9" t="s">
        <v>39</v>
      </c>
      <c r="I61" s="9" t="s">
        <v>4</v>
      </c>
      <c r="J61" s="9" t="s">
        <v>40</v>
      </c>
    </row>
    <row r="62" spans="1:10" ht="79.2" x14ac:dyDescent="0.45">
      <c r="A62" s="6" t="s">
        <v>547</v>
      </c>
      <c r="B62" s="6" t="s">
        <v>638</v>
      </c>
      <c r="C62" s="6" t="s">
        <v>774</v>
      </c>
      <c r="D62" s="6" t="s">
        <v>175</v>
      </c>
      <c r="E62" s="7" t="s">
        <v>1026</v>
      </c>
      <c r="F62" s="5" t="s">
        <v>3</v>
      </c>
      <c r="G62" s="9" t="s">
        <v>4</v>
      </c>
      <c r="H62" s="9" t="s">
        <v>173</v>
      </c>
      <c r="I62" s="9" t="s">
        <v>4</v>
      </c>
      <c r="J62" s="9" t="s">
        <v>179</v>
      </c>
    </row>
    <row r="63" spans="1:10" ht="26.4" x14ac:dyDescent="0.45">
      <c r="A63" s="6" t="s">
        <v>547</v>
      </c>
      <c r="B63" s="6" t="s">
        <v>638</v>
      </c>
      <c r="C63" s="6" t="s">
        <v>425</v>
      </c>
      <c r="D63" s="6" t="s">
        <v>177</v>
      </c>
      <c r="E63" s="7" t="s">
        <v>1024</v>
      </c>
      <c r="F63" s="5" t="s">
        <v>3</v>
      </c>
      <c r="G63" s="9" t="s">
        <v>4</v>
      </c>
      <c r="H63" s="9" t="s">
        <v>173</v>
      </c>
      <c r="I63" s="9" t="s">
        <v>4</v>
      </c>
      <c r="J63" s="9" t="s">
        <v>176</v>
      </c>
    </row>
    <row r="64" spans="1:10" ht="79.2" x14ac:dyDescent="0.45">
      <c r="A64" s="6" t="s">
        <v>547</v>
      </c>
      <c r="B64" s="6" t="s">
        <v>638</v>
      </c>
      <c r="C64" s="6" t="s">
        <v>774</v>
      </c>
      <c r="D64" s="6" t="s">
        <v>1303</v>
      </c>
      <c r="E64" s="7" t="s">
        <v>1023</v>
      </c>
      <c r="F64" s="5" t="s">
        <v>3</v>
      </c>
      <c r="G64" s="9" t="s">
        <v>4</v>
      </c>
      <c r="H64" s="9" t="s">
        <v>173</v>
      </c>
      <c r="I64" s="9" t="s">
        <v>4</v>
      </c>
      <c r="J64" s="9" t="s">
        <v>174</v>
      </c>
    </row>
    <row r="65" spans="1:10" ht="13.2" x14ac:dyDescent="0.45">
      <c r="A65" s="6" t="s">
        <v>547</v>
      </c>
      <c r="B65" s="6" t="s">
        <v>638</v>
      </c>
      <c r="C65" s="6" t="s">
        <v>774</v>
      </c>
      <c r="D65" s="6" t="s">
        <v>1304</v>
      </c>
      <c r="E65" s="7" t="s">
        <v>1025</v>
      </c>
      <c r="F65" s="5" t="s">
        <v>3</v>
      </c>
      <c r="G65" s="9" t="s">
        <v>4</v>
      </c>
      <c r="H65" s="9" t="s">
        <v>173</v>
      </c>
      <c r="I65" s="9" t="s">
        <v>4</v>
      </c>
      <c r="J65" s="9" t="s">
        <v>178</v>
      </c>
    </row>
    <row r="66" spans="1:10" ht="13.2" x14ac:dyDescent="0.45">
      <c r="A66" s="6" t="s">
        <v>548</v>
      </c>
      <c r="B66" s="6" t="s">
        <v>639</v>
      </c>
      <c r="C66" s="6" t="s">
        <v>775</v>
      </c>
      <c r="D66" s="6" t="s">
        <v>1305</v>
      </c>
      <c r="E66" s="7" t="s">
        <v>1027</v>
      </c>
      <c r="F66" s="5" t="s">
        <v>3</v>
      </c>
      <c r="G66" s="9" t="s">
        <v>4</v>
      </c>
      <c r="H66" s="9" t="s">
        <v>180</v>
      </c>
      <c r="I66" s="9" t="s">
        <v>4</v>
      </c>
      <c r="J66" s="9" t="s">
        <v>97</v>
      </c>
    </row>
    <row r="67" spans="1:10" ht="13.2" x14ac:dyDescent="0.45">
      <c r="A67" s="6" t="s">
        <v>547</v>
      </c>
      <c r="B67" s="6" t="s">
        <v>638</v>
      </c>
      <c r="C67" s="6" t="s">
        <v>776</v>
      </c>
      <c r="D67" s="6" t="s">
        <v>1306</v>
      </c>
      <c r="E67" s="7" t="s">
        <v>1028</v>
      </c>
      <c r="F67" s="5" t="s">
        <v>3</v>
      </c>
      <c r="G67" s="9" t="s">
        <v>4</v>
      </c>
      <c r="H67" s="9" t="s">
        <v>180</v>
      </c>
      <c r="I67" s="9" t="s">
        <v>4</v>
      </c>
      <c r="J67" s="9" t="s">
        <v>181</v>
      </c>
    </row>
    <row r="68" spans="1:10" ht="26.4" x14ac:dyDescent="0.45">
      <c r="A68" s="6" t="s">
        <v>532</v>
      </c>
      <c r="B68" s="6" t="s">
        <v>615</v>
      </c>
      <c r="C68" s="6" t="s">
        <v>776</v>
      </c>
      <c r="D68" s="6" t="s">
        <v>1431</v>
      </c>
      <c r="E68" s="7" t="s">
        <v>1432</v>
      </c>
      <c r="F68" s="5" t="s">
        <v>3</v>
      </c>
      <c r="G68" s="9" t="s">
        <v>4</v>
      </c>
      <c r="H68" s="9" t="s">
        <v>180</v>
      </c>
      <c r="I68" s="9" t="s">
        <v>4</v>
      </c>
      <c r="J68" s="9" t="s">
        <v>1429</v>
      </c>
    </row>
    <row r="69" spans="1:10" ht="26.4" x14ac:dyDescent="0.45">
      <c r="A69" s="6" t="s">
        <v>532</v>
      </c>
      <c r="B69" s="6" t="s">
        <v>615</v>
      </c>
      <c r="C69" s="6" t="s">
        <v>776</v>
      </c>
      <c r="D69" s="6" t="s">
        <v>1431</v>
      </c>
      <c r="E69" s="7" t="s">
        <v>1433</v>
      </c>
      <c r="F69" s="5" t="s">
        <v>3</v>
      </c>
      <c r="G69" s="9" t="s">
        <v>4</v>
      </c>
      <c r="H69" s="9" t="s">
        <v>180</v>
      </c>
      <c r="I69" s="9" t="s">
        <v>4</v>
      </c>
      <c r="J69" s="9" t="s">
        <v>1430</v>
      </c>
    </row>
    <row r="70" spans="1:10" ht="26.4" x14ac:dyDescent="0.45">
      <c r="A70" s="6" t="s">
        <v>532</v>
      </c>
      <c r="B70" s="6" t="s">
        <v>615</v>
      </c>
      <c r="C70" s="6" t="s">
        <v>717</v>
      </c>
      <c r="D70" s="6" t="s">
        <v>1261</v>
      </c>
      <c r="E70" s="7" t="s">
        <v>951</v>
      </c>
      <c r="F70" s="5" t="s">
        <v>3</v>
      </c>
      <c r="G70" s="9" t="s">
        <v>4</v>
      </c>
      <c r="H70" s="9" t="s">
        <v>41</v>
      </c>
      <c r="I70" s="9" t="s">
        <v>4</v>
      </c>
      <c r="J70" s="9" t="s">
        <v>42</v>
      </c>
    </row>
    <row r="71" spans="1:10" ht="13.2" x14ac:dyDescent="0.45">
      <c r="A71" s="6" t="s">
        <v>532</v>
      </c>
      <c r="B71" s="6" t="s">
        <v>615</v>
      </c>
      <c r="C71" s="6" t="s">
        <v>719</v>
      </c>
      <c r="D71" s="6" t="s">
        <v>1263</v>
      </c>
      <c r="E71" s="7" t="s">
        <v>952</v>
      </c>
      <c r="F71" s="5" t="s">
        <v>3</v>
      </c>
      <c r="G71" s="9" t="s">
        <v>4</v>
      </c>
      <c r="H71" s="9" t="s">
        <v>41</v>
      </c>
      <c r="I71" s="9" t="s">
        <v>4</v>
      </c>
      <c r="J71" s="9" t="s">
        <v>45</v>
      </c>
    </row>
    <row r="72" spans="1:10" ht="13.2" x14ac:dyDescent="0.45">
      <c r="A72" s="6" t="s">
        <v>547</v>
      </c>
      <c r="B72" s="6" t="s">
        <v>638</v>
      </c>
      <c r="C72" s="6" t="s">
        <v>854</v>
      </c>
      <c r="D72" s="6" t="s">
        <v>1359</v>
      </c>
      <c r="E72" s="7" t="s">
        <v>1133</v>
      </c>
      <c r="F72" s="5" t="s">
        <v>3</v>
      </c>
      <c r="G72" s="9" t="s">
        <v>4</v>
      </c>
      <c r="H72" s="9" t="s">
        <v>324</v>
      </c>
      <c r="I72" s="9" t="s">
        <v>4</v>
      </c>
      <c r="J72" s="9" t="s">
        <v>19</v>
      </c>
    </row>
    <row r="73" spans="1:10" ht="13.2" x14ac:dyDescent="0.45">
      <c r="A73" s="6" t="s">
        <v>604</v>
      </c>
      <c r="B73" s="6" t="s">
        <v>703</v>
      </c>
      <c r="C73" s="6" t="s">
        <v>934</v>
      </c>
      <c r="D73" s="6" t="s">
        <v>1426</v>
      </c>
      <c r="E73" s="7" t="s">
        <v>1245</v>
      </c>
      <c r="F73" s="5" t="s">
        <v>3</v>
      </c>
      <c r="G73" s="9" t="s">
        <v>4</v>
      </c>
      <c r="H73" s="9" t="s">
        <v>517</v>
      </c>
      <c r="I73" s="9" t="s">
        <v>4</v>
      </c>
      <c r="J73" s="9" t="s">
        <v>19</v>
      </c>
    </row>
    <row r="74" spans="1:10" ht="13.2" x14ac:dyDescent="0.45">
      <c r="A74" s="6" t="s">
        <v>532</v>
      </c>
      <c r="B74" s="6" t="s">
        <v>615</v>
      </c>
      <c r="C74" s="6" t="s">
        <v>718</v>
      </c>
      <c r="D74" s="6" t="s">
        <v>1262</v>
      </c>
      <c r="E74" s="7" t="s">
        <v>369</v>
      </c>
      <c r="F74" s="5" t="s">
        <v>3</v>
      </c>
      <c r="G74" s="9" t="s">
        <v>4</v>
      </c>
      <c r="H74" s="9" t="s">
        <v>43</v>
      </c>
      <c r="I74" s="9" t="s">
        <v>4</v>
      </c>
      <c r="J74" s="9" t="s">
        <v>44</v>
      </c>
    </row>
    <row r="75" spans="1:10" ht="26.4" x14ac:dyDescent="0.45">
      <c r="A75" s="6" t="s">
        <v>565</v>
      </c>
      <c r="B75" s="6" t="s">
        <v>615</v>
      </c>
      <c r="C75" s="6" t="s">
        <v>718</v>
      </c>
      <c r="D75" s="6" t="s">
        <v>1262</v>
      </c>
      <c r="E75" s="7" t="s">
        <v>1185</v>
      </c>
      <c r="F75" s="5" t="s">
        <v>3</v>
      </c>
      <c r="G75" s="9" t="s">
        <v>4</v>
      </c>
      <c r="H75" s="9" t="s">
        <v>43</v>
      </c>
      <c r="I75" s="9" t="s">
        <v>4</v>
      </c>
      <c r="J75" s="9" t="s">
        <v>32</v>
      </c>
    </row>
    <row r="76" spans="1:10" ht="13.2" x14ac:dyDescent="0.45">
      <c r="A76" s="6" t="s">
        <v>532</v>
      </c>
      <c r="B76" s="6" t="s">
        <v>615</v>
      </c>
      <c r="C76" s="6" t="s">
        <v>718</v>
      </c>
      <c r="D76" s="6" t="s">
        <v>1262</v>
      </c>
      <c r="E76" s="7" t="s">
        <v>953</v>
      </c>
      <c r="F76" s="5" t="s">
        <v>3</v>
      </c>
      <c r="G76" s="9" t="s">
        <v>4</v>
      </c>
      <c r="H76" s="9" t="s">
        <v>43</v>
      </c>
      <c r="I76" s="9" t="s">
        <v>4</v>
      </c>
      <c r="J76" s="9" t="s">
        <v>6</v>
      </c>
    </row>
    <row r="77" spans="1:10" ht="13.2" x14ac:dyDescent="0.45">
      <c r="A77" s="6" t="s">
        <v>532</v>
      </c>
      <c r="B77" s="6" t="s">
        <v>615</v>
      </c>
      <c r="C77" s="6" t="s">
        <v>718</v>
      </c>
      <c r="D77" s="6" t="s">
        <v>1262</v>
      </c>
      <c r="E77" s="7" t="s">
        <v>370</v>
      </c>
      <c r="F77" s="5" t="s">
        <v>3</v>
      </c>
      <c r="G77" s="9" t="s">
        <v>4</v>
      </c>
      <c r="H77" s="9" t="s">
        <v>43</v>
      </c>
      <c r="I77" s="9" t="s">
        <v>4</v>
      </c>
      <c r="J77" s="9" t="s">
        <v>20</v>
      </c>
    </row>
    <row r="78" spans="1:10" ht="13.2" x14ac:dyDescent="0.45">
      <c r="A78" s="6" t="s">
        <v>532</v>
      </c>
      <c r="B78" s="6" t="s">
        <v>615</v>
      </c>
      <c r="C78" s="6" t="s">
        <v>718</v>
      </c>
      <c r="D78" s="6" t="s">
        <v>1262</v>
      </c>
      <c r="E78" s="7" t="s">
        <v>954</v>
      </c>
      <c r="F78" s="5" t="s">
        <v>3</v>
      </c>
      <c r="G78" s="9" t="s">
        <v>4</v>
      </c>
      <c r="H78" s="9" t="s">
        <v>43</v>
      </c>
      <c r="I78" s="9" t="s">
        <v>4</v>
      </c>
      <c r="J78" s="9" t="s">
        <v>24</v>
      </c>
    </row>
    <row r="79" spans="1:10" ht="66" x14ac:dyDescent="0.45">
      <c r="A79" s="6" t="s">
        <v>532</v>
      </c>
      <c r="B79" s="6" t="s">
        <v>615</v>
      </c>
      <c r="C79" s="6" t="s">
        <v>851</v>
      </c>
      <c r="D79" s="6" t="s">
        <v>1354</v>
      </c>
      <c r="E79" s="7" t="s">
        <v>1128</v>
      </c>
      <c r="F79" s="5" t="s">
        <v>3</v>
      </c>
      <c r="G79" s="9" t="s">
        <v>4</v>
      </c>
      <c r="H79" s="9" t="s">
        <v>321</v>
      </c>
      <c r="I79" s="9" t="s">
        <v>4</v>
      </c>
      <c r="J79" s="9" t="s">
        <v>19</v>
      </c>
    </row>
    <row r="80" spans="1:10" ht="13.2" x14ac:dyDescent="0.45">
      <c r="A80" s="6" t="s">
        <v>532</v>
      </c>
      <c r="B80" s="6" t="s">
        <v>615</v>
      </c>
      <c r="C80" s="6" t="s">
        <v>721</v>
      </c>
      <c r="D80" s="6" t="s">
        <v>1353</v>
      </c>
      <c r="E80" s="7" t="s">
        <v>1127</v>
      </c>
      <c r="F80" s="5" t="s">
        <v>3</v>
      </c>
      <c r="G80" s="9" t="s">
        <v>4</v>
      </c>
      <c r="H80" s="9" t="s">
        <v>48</v>
      </c>
      <c r="I80" s="9" t="s">
        <v>4</v>
      </c>
      <c r="J80" s="9" t="s">
        <v>19</v>
      </c>
    </row>
    <row r="81" spans="1:10" ht="39.6" x14ac:dyDescent="0.45">
      <c r="A81" s="6" t="s">
        <v>532</v>
      </c>
      <c r="B81" s="6" t="s">
        <v>615</v>
      </c>
      <c r="C81" s="6" t="s">
        <v>721</v>
      </c>
      <c r="D81" s="6" t="s">
        <v>1264</v>
      </c>
      <c r="E81" s="7" t="s">
        <v>371</v>
      </c>
      <c r="F81" s="5" t="s">
        <v>3</v>
      </c>
      <c r="G81" s="9" t="s">
        <v>4</v>
      </c>
      <c r="H81" s="9" t="s">
        <v>48</v>
      </c>
      <c r="I81" s="9" t="s">
        <v>4</v>
      </c>
      <c r="J81" s="9" t="s">
        <v>27</v>
      </c>
    </row>
    <row r="82" spans="1:10" ht="13.2" x14ac:dyDescent="0.45">
      <c r="A82" s="6" t="s">
        <v>537</v>
      </c>
      <c r="B82" s="6" t="s">
        <v>616</v>
      </c>
      <c r="C82" s="6" t="s">
        <v>454</v>
      </c>
      <c r="D82" s="6" t="s">
        <v>1265</v>
      </c>
      <c r="E82" s="7" t="s">
        <v>955</v>
      </c>
      <c r="F82" s="5" t="s">
        <v>3</v>
      </c>
      <c r="G82" s="9" t="s">
        <v>4</v>
      </c>
      <c r="H82" s="9" t="s">
        <v>49</v>
      </c>
      <c r="I82" s="9" t="s">
        <v>4</v>
      </c>
      <c r="J82" s="9" t="s">
        <v>50</v>
      </c>
    </row>
    <row r="83" spans="1:10" ht="13.2" x14ac:dyDescent="0.45">
      <c r="A83" s="6" t="s">
        <v>581</v>
      </c>
      <c r="B83" s="6" t="s">
        <v>679</v>
      </c>
      <c r="C83" s="6" t="s">
        <v>908</v>
      </c>
      <c r="D83" s="6" t="s">
        <v>1409</v>
      </c>
      <c r="E83" s="7" t="s">
        <v>1214</v>
      </c>
      <c r="F83" s="5" t="s">
        <v>3</v>
      </c>
      <c r="G83" s="9" t="s">
        <v>4</v>
      </c>
      <c r="H83" s="9" t="s">
        <v>464</v>
      </c>
      <c r="I83" s="9" t="s">
        <v>4</v>
      </c>
      <c r="J83" s="9" t="s">
        <v>19</v>
      </c>
    </row>
    <row r="84" spans="1:10" ht="13.2" x14ac:dyDescent="0.45">
      <c r="A84" s="6" t="s">
        <v>587</v>
      </c>
      <c r="B84" s="6" t="s">
        <v>686</v>
      </c>
      <c r="C84" s="6" t="s">
        <v>915</v>
      </c>
      <c r="D84" s="6" t="s">
        <v>1414</v>
      </c>
      <c r="E84" s="7" t="s">
        <v>1225</v>
      </c>
      <c r="F84" s="5" t="s">
        <v>3</v>
      </c>
      <c r="G84" s="9" t="s">
        <v>4</v>
      </c>
      <c r="H84" s="9" t="s">
        <v>464</v>
      </c>
      <c r="I84" s="9" t="s">
        <v>4</v>
      </c>
      <c r="J84" s="9" t="s">
        <v>96</v>
      </c>
    </row>
    <row r="85" spans="1:10" ht="13.2" x14ac:dyDescent="0.45">
      <c r="A85" s="6" t="s">
        <v>587</v>
      </c>
      <c r="B85" s="6" t="s">
        <v>686</v>
      </c>
      <c r="C85" s="6" t="s">
        <v>915</v>
      </c>
      <c r="D85" s="6" t="s">
        <v>1414</v>
      </c>
      <c r="E85" s="7" t="s">
        <v>497</v>
      </c>
      <c r="F85" s="5" t="s">
        <v>3</v>
      </c>
      <c r="G85" s="9" t="s">
        <v>4</v>
      </c>
      <c r="H85" s="9" t="s">
        <v>464</v>
      </c>
      <c r="I85" s="9" t="s">
        <v>4</v>
      </c>
      <c r="J85" s="9" t="s">
        <v>490</v>
      </c>
    </row>
    <row r="86" spans="1:10" ht="13.2" x14ac:dyDescent="0.45">
      <c r="A86" s="6" t="s">
        <v>598</v>
      </c>
      <c r="B86" s="6" t="s">
        <v>697</v>
      </c>
      <c r="C86" s="6" t="s">
        <v>927</v>
      </c>
      <c r="D86" s="6" t="s">
        <v>1423</v>
      </c>
      <c r="E86" s="7" t="s">
        <v>1235</v>
      </c>
      <c r="F86" s="5" t="s">
        <v>3</v>
      </c>
      <c r="G86" s="9" t="s">
        <v>4</v>
      </c>
      <c r="H86" s="9" t="s">
        <v>506</v>
      </c>
      <c r="I86" s="9" t="s">
        <v>4</v>
      </c>
      <c r="J86" s="9" t="s">
        <v>28</v>
      </c>
    </row>
    <row r="87" spans="1:10" ht="26.4" x14ac:dyDescent="0.45">
      <c r="A87" s="6" t="s">
        <v>547</v>
      </c>
      <c r="B87" s="6" t="s">
        <v>638</v>
      </c>
      <c r="C87" s="6" t="s">
        <v>836</v>
      </c>
      <c r="D87" s="6" t="s">
        <v>1338</v>
      </c>
      <c r="E87" s="7" t="s">
        <v>1103</v>
      </c>
      <c r="F87" s="5" t="s">
        <v>3</v>
      </c>
      <c r="G87" s="9" t="s">
        <v>4</v>
      </c>
      <c r="H87" s="9" t="s">
        <v>310</v>
      </c>
      <c r="I87" s="9" t="s">
        <v>4</v>
      </c>
      <c r="J87" s="9" t="s">
        <v>19</v>
      </c>
    </row>
    <row r="88" spans="1:10" ht="26.4" x14ac:dyDescent="0.45">
      <c r="A88" s="6" t="s">
        <v>570</v>
      </c>
      <c r="B88" s="6" t="s">
        <v>668</v>
      </c>
      <c r="C88" s="6" t="s">
        <v>890</v>
      </c>
      <c r="D88" s="6" t="s">
        <v>890</v>
      </c>
      <c r="E88" s="7" t="s">
        <v>399</v>
      </c>
      <c r="F88" s="5" t="s">
        <v>3</v>
      </c>
      <c r="G88" s="9" t="s">
        <v>4</v>
      </c>
      <c r="H88" s="9" t="s">
        <v>310</v>
      </c>
      <c r="I88" s="9" t="s">
        <v>4</v>
      </c>
      <c r="J88" s="9" t="s">
        <v>27</v>
      </c>
    </row>
    <row r="89" spans="1:10" ht="26.4" x14ac:dyDescent="0.45">
      <c r="A89" s="6" t="s">
        <v>547</v>
      </c>
      <c r="B89" s="6" t="s">
        <v>640</v>
      </c>
      <c r="C89" s="6" t="s">
        <v>777</v>
      </c>
      <c r="D89" s="6" t="s">
        <v>777</v>
      </c>
      <c r="E89" s="7" t="s">
        <v>1029</v>
      </c>
      <c r="F89" s="5" t="s">
        <v>3</v>
      </c>
      <c r="G89" s="9" t="s">
        <v>4</v>
      </c>
      <c r="H89" s="9" t="s">
        <v>182</v>
      </c>
      <c r="I89" s="9" t="s">
        <v>4</v>
      </c>
      <c r="J89" s="9" t="s">
        <v>183</v>
      </c>
    </row>
    <row r="90" spans="1:10" ht="26.4" x14ac:dyDescent="0.45">
      <c r="A90" s="6" t="s">
        <v>547</v>
      </c>
      <c r="B90" s="6" t="s">
        <v>640</v>
      </c>
      <c r="C90" s="6" t="s">
        <v>777</v>
      </c>
      <c r="D90" s="6" t="s">
        <v>777</v>
      </c>
      <c r="E90" s="7" t="s">
        <v>1030</v>
      </c>
      <c r="F90" s="5" t="s">
        <v>3</v>
      </c>
      <c r="G90" s="9" t="s">
        <v>4</v>
      </c>
      <c r="H90" s="9" t="s">
        <v>182</v>
      </c>
      <c r="I90" s="9" t="s">
        <v>4</v>
      </c>
      <c r="J90" s="9" t="s">
        <v>184</v>
      </c>
    </row>
    <row r="91" spans="1:10" ht="26.4" x14ac:dyDescent="0.45">
      <c r="A91" s="6" t="s">
        <v>567</v>
      </c>
      <c r="B91" s="6" t="s">
        <v>666</v>
      </c>
      <c r="C91" s="6" t="s">
        <v>885</v>
      </c>
      <c r="D91" s="6" t="s">
        <v>1394</v>
      </c>
      <c r="E91" s="7" t="s">
        <v>1191</v>
      </c>
      <c r="F91" s="5" t="s">
        <v>3</v>
      </c>
      <c r="G91" s="9" t="s">
        <v>4</v>
      </c>
      <c r="H91" s="9" t="s">
        <v>485</v>
      </c>
      <c r="I91" s="9" t="s">
        <v>4</v>
      </c>
      <c r="J91" s="9" t="s">
        <v>32</v>
      </c>
    </row>
    <row r="92" spans="1:10" ht="26.4" x14ac:dyDescent="0.45">
      <c r="A92" s="6" t="s">
        <v>567</v>
      </c>
      <c r="B92" s="6" t="s">
        <v>666</v>
      </c>
      <c r="C92" s="6" t="s">
        <v>886</v>
      </c>
      <c r="D92" s="6" t="s">
        <v>1394</v>
      </c>
      <c r="E92" s="7" t="s">
        <v>1192</v>
      </c>
      <c r="F92" s="5" t="s">
        <v>3</v>
      </c>
      <c r="G92" s="9" t="s">
        <v>4</v>
      </c>
      <c r="H92" s="9" t="s">
        <v>485</v>
      </c>
      <c r="I92" s="9" t="s">
        <v>4</v>
      </c>
      <c r="J92" s="9" t="s">
        <v>12</v>
      </c>
    </row>
    <row r="93" spans="1:10" ht="26.4" x14ac:dyDescent="0.45">
      <c r="A93" s="6" t="s">
        <v>586</v>
      </c>
      <c r="B93" s="6" t="s">
        <v>685</v>
      </c>
      <c r="C93" s="6" t="s">
        <v>914</v>
      </c>
      <c r="D93" s="6" t="s">
        <v>1394</v>
      </c>
      <c r="E93" s="7" t="s">
        <v>1222</v>
      </c>
      <c r="F93" s="5" t="s">
        <v>3</v>
      </c>
      <c r="G93" s="9" t="s">
        <v>4</v>
      </c>
      <c r="H93" s="9" t="s">
        <v>485</v>
      </c>
      <c r="I93" s="9" t="s">
        <v>4</v>
      </c>
      <c r="J93" s="9" t="s">
        <v>489</v>
      </c>
    </row>
    <row r="94" spans="1:10" ht="26.4" x14ac:dyDescent="0.45">
      <c r="A94" s="6" t="s">
        <v>586</v>
      </c>
      <c r="B94" s="6" t="s">
        <v>685</v>
      </c>
      <c r="C94" s="6" t="s">
        <v>914</v>
      </c>
      <c r="D94" s="6" t="s">
        <v>1394</v>
      </c>
      <c r="E94" s="7" t="s">
        <v>1223</v>
      </c>
      <c r="F94" s="5" t="s">
        <v>3</v>
      </c>
      <c r="G94" s="9" t="s">
        <v>4</v>
      </c>
      <c r="H94" s="9" t="s">
        <v>485</v>
      </c>
      <c r="I94" s="9" t="s">
        <v>4</v>
      </c>
      <c r="J94" s="9" t="s">
        <v>83</v>
      </c>
    </row>
    <row r="95" spans="1:10" ht="26.4" x14ac:dyDescent="0.45">
      <c r="A95" s="6" t="s">
        <v>586</v>
      </c>
      <c r="B95" s="6" t="s">
        <v>685</v>
      </c>
      <c r="C95" s="6" t="s">
        <v>914</v>
      </c>
      <c r="D95" s="6" t="s">
        <v>1394</v>
      </c>
      <c r="E95" s="7" t="s">
        <v>1224</v>
      </c>
      <c r="F95" s="5" t="s">
        <v>3</v>
      </c>
      <c r="G95" s="9" t="s">
        <v>4</v>
      </c>
      <c r="H95" s="9" t="s">
        <v>485</v>
      </c>
      <c r="I95" s="9" t="s">
        <v>4</v>
      </c>
      <c r="J95" s="9" t="s">
        <v>184</v>
      </c>
    </row>
    <row r="96" spans="1:10" ht="26.4" x14ac:dyDescent="0.45">
      <c r="A96" s="6" t="s">
        <v>567</v>
      </c>
      <c r="B96" s="6" t="s">
        <v>666</v>
      </c>
      <c r="C96" s="6" t="s">
        <v>885</v>
      </c>
      <c r="D96" s="6" t="s">
        <v>1394</v>
      </c>
      <c r="E96" s="7" t="s">
        <v>1193</v>
      </c>
      <c r="F96" s="5" t="s">
        <v>3</v>
      </c>
      <c r="G96" s="9" t="s">
        <v>4</v>
      </c>
      <c r="H96" s="9" t="s">
        <v>485</v>
      </c>
      <c r="I96" s="9" t="s">
        <v>4</v>
      </c>
      <c r="J96" s="9" t="s">
        <v>486</v>
      </c>
    </row>
    <row r="97" spans="1:10" ht="26.4" x14ac:dyDescent="0.45">
      <c r="A97" s="6" t="s">
        <v>567</v>
      </c>
      <c r="B97" s="6" t="s">
        <v>666</v>
      </c>
      <c r="C97" s="6" t="s">
        <v>885</v>
      </c>
      <c r="D97" s="6" t="s">
        <v>1394</v>
      </c>
      <c r="E97" s="7" t="s">
        <v>1195</v>
      </c>
      <c r="F97" s="5" t="s">
        <v>3</v>
      </c>
      <c r="G97" s="9" t="s">
        <v>4</v>
      </c>
      <c r="H97" s="9" t="s">
        <v>485</v>
      </c>
      <c r="I97" s="9" t="s">
        <v>4</v>
      </c>
      <c r="J97" s="9" t="s">
        <v>343</v>
      </c>
    </row>
    <row r="98" spans="1:10" ht="26.4" x14ac:dyDescent="0.45">
      <c r="A98" s="6" t="s">
        <v>567</v>
      </c>
      <c r="B98" s="6" t="s">
        <v>666</v>
      </c>
      <c r="C98" s="6" t="s">
        <v>885</v>
      </c>
      <c r="D98" s="6" t="s">
        <v>1394</v>
      </c>
      <c r="E98" s="7" t="s">
        <v>1196</v>
      </c>
      <c r="F98" s="5" t="s">
        <v>3</v>
      </c>
      <c r="G98" s="9" t="s">
        <v>4</v>
      </c>
      <c r="H98" s="9" t="s">
        <v>485</v>
      </c>
      <c r="I98" s="9" t="s">
        <v>4</v>
      </c>
      <c r="J98" s="9" t="s">
        <v>125</v>
      </c>
    </row>
    <row r="99" spans="1:10" ht="26.4" x14ac:dyDescent="0.45">
      <c r="A99" s="6" t="s">
        <v>603</v>
      </c>
      <c r="B99" s="6" t="s">
        <v>702</v>
      </c>
      <c r="C99" s="6" t="s">
        <v>933</v>
      </c>
      <c r="D99" s="6" t="s">
        <v>484</v>
      </c>
      <c r="E99" s="7" t="s">
        <v>1243</v>
      </c>
      <c r="F99" s="5" t="s">
        <v>3</v>
      </c>
      <c r="G99" s="9" t="s">
        <v>4</v>
      </c>
      <c r="H99" s="9" t="s">
        <v>485</v>
      </c>
      <c r="I99" s="9" t="s">
        <v>4</v>
      </c>
      <c r="J99" s="9" t="s">
        <v>515</v>
      </c>
    </row>
    <row r="100" spans="1:10" ht="26.4" x14ac:dyDescent="0.45">
      <c r="A100" s="6" t="s">
        <v>603</v>
      </c>
      <c r="B100" s="6" t="s">
        <v>702</v>
      </c>
      <c r="C100" s="6" t="s">
        <v>483</v>
      </c>
      <c r="D100" s="6" t="s">
        <v>484</v>
      </c>
      <c r="E100" s="7" t="s">
        <v>1244</v>
      </c>
      <c r="F100" s="5" t="s">
        <v>3</v>
      </c>
      <c r="G100" s="9" t="s">
        <v>4</v>
      </c>
      <c r="H100" s="9" t="s">
        <v>485</v>
      </c>
      <c r="I100" s="9" t="s">
        <v>4</v>
      </c>
      <c r="J100" s="9" t="s">
        <v>516</v>
      </c>
    </row>
    <row r="101" spans="1:10" ht="39.6" x14ac:dyDescent="0.45">
      <c r="A101" s="6" t="s">
        <v>7</v>
      </c>
      <c r="B101" s="6" t="s">
        <v>75</v>
      </c>
      <c r="C101" s="6" t="s">
        <v>456</v>
      </c>
      <c r="D101" s="6" t="s">
        <v>1395</v>
      </c>
      <c r="E101" s="7" t="s">
        <v>457</v>
      </c>
      <c r="F101" s="5" t="s">
        <v>3</v>
      </c>
      <c r="G101" s="9" t="s">
        <v>4</v>
      </c>
      <c r="H101" s="9" t="s">
        <v>455</v>
      </c>
      <c r="I101" s="9" t="s">
        <v>4</v>
      </c>
      <c r="J101" s="9" t="s">
        <v>17</v>
      </c>
    </row>
    <row r="102" spans="1:10" ht="26.4" x14ac:dyDescent="0.45">
      <c r="A102" s="6" t="s">
        <v>583</v>
      </c>
      <c r="B102" s="6" t="s">
        <v>681</v>
      </c>
      <c r="C102" s="6" t="s">
        <v>910</v>
      </c>
      <c r="D102" s="6" t="s">
        <v>1411</v>
      </c>
      <c r="E102" s="7" t="s">
        <v>1218</v>
      </c>
      <c r="F102" s="5" t="s">
        <v>3</v>
      </c>
      <c r="G102" s="9" t="s">
        <v>4</v>
      </c>
      <c r="H102" s="9" t="s">
        <v>455</v>
      </c>
      <c r="I102" s="9" t="s">
        <v>4</v>
      </c>
      <c r="J102" s="9" t="s">
        <v>476</v>
      </c>
    </row>
    <row r="103" spans="1:10" ht="13.2" x14ac:dyDescent="0.45">
      <c r="A103" s="6" t="s">
        <v>550</v>
      </c>
      <c r="B103" s="6" t="s">
        <v>642</v>
      </c>
      <c r="C103" s="6" t="s">
        <v>782</v>
      </c>
      <c r="D103" s="6" t="s">
        <v>1307</v>
      </c>
      <c r="E103" s="7" t="s">
        <v>1036</v>
      </c>
      <c r="F103" s="5" t="s">
        <v>3</v>
      </c>
      <c r="G103" s="9" t="s">
        <v>4</v>
      </c>
      <c r="H103" s="9" t="s">
        <v>188</v>
      </c>
      <c r="I103" s="9" t="s">
        <v>4</v>
      </c>
      <c r="J103" s="9" t="s">
        <v>189</v>
      </c>
    </row>
    <row r="104" spans="1:10" ht="26.4" x14ac:dyDescent="0.45">
      <c r="A104" s="6" t="s">
        <v>550</v>
      </c>
      <c r="B104" s="6" t="s">
        <v>642</v>
      </c>
      <c r="C104" s="6" t="s">
        <v>782</v>
      </c>
      <c r="D104" s="6" t="s">
        <v>191</v>
      </c>
      <c r="E104" s="7" t="s">
        <v>390</v>
      </c>
      <c r="F104" s="5" t="s">
        <v>3</v>
      </c>
      <c r="G104" s="9" t="s">
        <v>4</v>
      </c>
      <c r="H104" s="9" t="s">
        <v>188</v>
      </c>
      <c r="I104" s="9" t="s">
        <v>4</v>
      </c>
      <c r="J104" s="9" t="s">
        <v>190</v>
      </c>
    </row>
    <row r="105" spans="1:10" ht="79.2" x14ac:dyDescent="0.45">
      <c r="A105" s="6" t="s">
        <v>550</v>
      </c>
      <c r="B105" s="6" t="s">
        <v>642</v>
      </c>
      <c r="C105" s="6" t="s">
        <v>782</v>
      </c>
      <c r="D105" s="6" t="s">
        <v>1308</v>
      </c>
      <c r="E105" s="7" t="s">
        <v>1037</v>
      </c>
      <c r="F105" s="5" t="s">
        <v>3</v>
      </c>
      <c r="G105" s="9" t="s">
        <v>4</v>
      </c>
      <c r="H105" s="9" t="s">
        <v>188</v>
      </c>
      <c r="I105" s="9" t="s">
        <v>4</v>
      </c>
      <c r="J105" s="9" t="s">
        <v>192</v>
      </c>
    </row>
    <row r="106" spans="1:10" ht="13.2" x14ac:dyDescent="0.45">
      <c r="A106" s="6" t="s">
        <v>550</v>
      </c>
      <c r="B106" s="6" t="s">
        <v>642</v>
      </c>
      <c r="C106" s="6" t="s">
        <v>782</v>
      </c>
      <c r="D106" s="6" t="s">
        <v>1309</v>
      </c>
      <c r="E106" s="7" t="s">
        <v>1038</v>
      </c>
      <c r="F106" s="5" t="s">
        <v>3</v>
      </c>
      <c r="G106" s="9" t="s">
        <v>4</v>
      </c>
      <c r="H106" s="9" t="s">
        <v>188</v>
      </c>
      <c r="I106" s="9" t="s">
        <v>4</v>
      </c>
      <c r="J106" s="9" t="s">
        <v>193</v>
      </c>
    </row>
    <row r="107" spans="1:10" ht="13.2" x14ac:dyDescent="0.45">
      <c r="A107" s="6" t="s">
        <v>550</v>
      </c>
      <c r="B107" s="6" t="s">
        <v>642</v>
      </c>
      <c r="C107" s="6" t="s">
        <v>782</v>
      </c>
      <c r="D107" s="6" t="s">
        <v>1307</v>
      </c>
      <c r="E107" s="7" t="s">
        <v>1039</v>
      </c>
      <c r="F107" s="5" t="s">
        <v>3</v>
      </c>
      <c r="G107" s="9" t="s">
        <v>4</v>
      </c>
      <c r="H107" s="9" t="s">
        <v>188</v>
      </c>
      <c r="I107" s="9" t="s">
        <v>4</v>
      </c>
      <c r="J107" s="9" t="s">
        <v>194</v>
      </c>
    </row>
    <row r="108" spans="1:10" ht="13.2" x14ac:dyDescent="0.45">
      <c r="A108" s="6" t="s">
        <v>550</v>
      </c>
      <c r="B108" s="6" t="s">
        <v>642</v>
      </c>
      <c r="C108" s="6" t="s">
        <v>784</v>
      </c>
      <c r="D108" s="6" t="s">
        <v>1310</v>
      </c>
      <c r="E108" s="7" t="s">
        <v>1120</v>
      </c>
      <c r="F108" s="5" t="s">
        <v>3</v>
      </c>
      <c r="G108" s="9" t="s">
        <v>4</v>
      </c>
      <c r="H108" s="9" t="s">
        <v>197</v>
      </c>
      <c r="I108" s="9" t="s">
        <v>4</v>
      </c>
      <c r="J108" s="9" t="s">
        <v>19</v>
      </c>
    </row>
    <row r="109" spans="1:10" ht="26.4" x14ac:dyDescent="0.45">
      <c r="A109" s="6" t="s">
        <v>550</v>
      </c>
      <c r="B109" s="6" t="s">
        <v>642</v>
      </c>
      <c r="C109" s="6" t="s">
        <v>784</v>
      </c>
      <c r="D109" s="6" t="s">
        <v>1310</v>
      </c>
      <c r="E109" s="7" t="s">
        <v>1040</v>
      </c>
      <c r="F109" s="5" t="s">
        <v>3</v>
      </c>
      <c r="G109" s="9" t="s">
        <v>4</v>
      </c>
      <c r="H109" s="9" t="s">
        <v>197</v>
      </c>
      <c r="I109" s="9" t="s">
        <v>4</v>
      </c>
      <c r="J109" s="9" t="s">
        <v>27</v>
      </c>
    </row>
    <row r="110" spans="1:10" ht="13.2" x14ac:dyDescent="0.45">
      <c r="A110" s="6" t="s">
        <v>550</v>
      </c>
      <c r="B110" s="6" t="s">
        <v>642</v>
      </c>
      <c r="C110" s="6" t="s">
        <v>784</v>
      </c>
      <c r="D110" s="6" t="s">
        <v>1310</v>
      </c>
      <c r="E110" s="7" t="s">
        <v>1041</v>
      </c>
      <c r="F110" s="5" t="s">
        <v>3</v>
      </c>
      <c r="G110" s="9" t="s">
        <v>4</v>
      </c>
      <c r="H110" s="9" t="s">
        <v>197</v>
      </c>
      <c r="I110" s="9" t="s">
        <v>4</v>
      </c>
      <c r="J110" s="9" t="s">
        <v>89</v>
      </c>
    </row>
    <row r="111" spans="1:10" ht="13.2" x14ac:dyDescent="0.45">
      <c r="A111" s="6" t="s">
        <v>565</v>
      </c>
      <c r="B111" s="6" t="s">
        <v>645</v>
      </c>
      <c r="C111" s="6" t="s">
        <v>880</v>
      </c>
      <c r="D111" s="6" t="s">
        <v>1390</v>
      </c>
      <c r="E111" s="7" t="s">
        <v>1179</v>
      </c>
      <c r="F111" s="5" t="s">
        <v>3</v>
      </c>
      <c r="G111" s="9" t="s">
        <v>4</v>
      </c>
      <c r="H111" s="9" t="s">
        <v>197</v>
      </c>
      <c r="I111" s="9" t="s">
        <v>4</v>
      </c>
      <c r="J111" s="9" t="s">
        <v>90</v>
      </c>
    </row>
    <row r="112" spans="1:10" ht="13.2" x14ac:dyDescent="0.45">
      <c r="A112" s="6" t="s">
        <v>565</v>
      </c>
      <c r="B112" s="6" t="s">
        <v>645</v>
      </c>
      <c r="C112" s="6" t="s">
        <v>880</v>
      </c>
      <c r="D112" s="6" t="s">
        <v>1390</v>
      </c>
      <c r="E112" s="7" t="s">
        <v>1180</v>
      </c>
      <c r="F112" s="5" t="s">
        <v>3</v>
      </c>
      <c r="G112" s="9" t="s">
        <v>4</v>
      </c>
      <c r="H112" s="9" t="s">
        <v>197</v>
      </c>
      <c r="I112" s="9" t="s">
        <v>4</v>
      </c>
      <c r="J112" s="9" t="s">
        <v>91</v>
      </c>
    </row>
    <row r="113" spans="1:10" ht="13.2" x14ac:dyDescent="0.45">
      <c r="A113" s="6" t="s">
        <v>565</v>
      </c>
      <c r="B113" s="6" t="s">
        <v>645</v>
      </c>
      <c r="C113" s="6" t="s">
        <v>881</v>
      </c>
      <c r="D113" s="6" t="s">
        <v>1390</v>
      </c>
      <c r="E113" s="7" t="s">
        <v>1181</v>
      </c>
      <c r="F113" s="5" t="s">
        <v>3</v>
      </c>
      <c r="G113" s="9" t="s">
        <v>4</v>
      </c>
      <c r="H113" s="9" t="s">
        <v>197</v>
      </c>
      <c r="I113" s="9" t="s">
        <v>4</v>
      </c>
      <c r="J113" s="9" t="s">
        <v>92</v>
      </c>
    </row>
    <row r="114" spans="1:10" ht="13.2" x14ac:dyDescent="0.45">
      <c r="A114" s="6" t="s">
        <v>565</v>
      </c>
      <c r="B114" s="6" t="s">
        <v>645</v>
      </c>
      <c r="C114" s="6" t="s">
        <v>881</v>
      </c>
      <c r="D114" s="6" t="s">
        <v>1391</v>
      </c>
      <c r="E114" s="7" t="s">
        <v>1182</v>
      </c>
      <c r="F114" s="5" t="s">
        <v>3</v>
      </c>
      <c r="G114" s="9" t="s">
        <v>4</v>
      </c>
      <c r="H114" s="9" t="s">
        <v>197</v>
      </c>
      <c r="I114" s="9" t="s">
        <v>4</v>
      </c>
      <c r="J114" s="9" t="s">
        <v>93</v>
      </c>
    </row>
    <row r="115" spans="1:10" ht="13.2" x14ac:dyDescent="0.45">
      <c r="A115" s="6" t="s">
        <v>565</v>
      </c>
      <c r="B115" s="6" t="s">
        <v>645</v>
      </c>
      <c r="C115" s="6" t="s">
        <v>880</v>
      </c>
      <c r="D115" s="6" t="s">
        <v>1390</v>
      </c>
      <c r="E115" s="7" t="s">
        <v>1183</v>
      </c>
      <c r="F115" s="5" t="s">
        <v>3</v>
      </c>
      <c r="G115" s="9" t="s">
        <v>4</v>
      </c>
      <c r="H115" s="9" t="s">
        <v>197</v>
      </c>
      <c r="I115" s="9" t="s">
        <v>4</v>
      </c>
      <c r="J115" s="9" t="s">
        <v>94</v>
      </c>
    </row>
    <row r="116" spans="1:10" ht="13.2" x14ac:dyDescent="0.45">
      <c r="A116" s="6" t="s">
        <v>532</v>
      </c>
      <c r="B116" s="6" t="s">
        <v>621</v>
      </c>
      <c r="C116" s="6" t="s">
        <v>754</v>
      </c>
      <c r="D116" s="6" t="s">
        <v>1290</v>
      </c>
      <c r="E116" s="7" t="s">
        <v>1075</v>
      </c>
      <c r="F116" s="5" t="s">
        <v>3</v>
      </c>
      <c r="G116" s="9" t="s">
        <v>4</v>
      </c>
      <c r="H116" s="9" t="s">
        <v>132</v>
      </c>
      <c r="I116" s="9" t="s">
        <v>4</v>
      </c>
      <c r="J116" s="9" t="s">
        <v>21</v>
      </c>
    </row>
    <row r="117" spans="1:10" ht="13.2" x14ac:dyDescent="0.45">
      <c r="A117" s="6" t="s">
        <v>532</v>
      </c>
      <c r="B117" s="6" t="s">
        <v>621</v>
      </c>
      <c r="C117" s="6" t="s">
        <v>754</v>
      </c>
      <c r="D117" s="6" t="s">
        <v>1320</v>
      </c>
      <c r="E117" s="7" t="s">
        <v>1074</v>
      </c>
      <c r="F117" s="5" t="s">
        <v>3</v>
      </c>
      <c r="G117" s="9" t="s">
        <v>4</v>
      </c>
      <c r="H117" s="9" t="s">
        <v>132</v>
      </c>
      <c r="I117" s="9" t="s">
        <v>4</v>
      </c>
      <c r="J117" s="9" t="s">
        <v>230</v>
      </c>
    </row>
    <row r="118" spans="1:10" ht="13.2" x14ac:dyDescent="0.45">
      <c r="A118" s="6" t="s">
        <v>532</v>
      </c>
      <c r="B118" s="6" t="s">
        <v>621</v>
      </c>
      <c r="C118" s="6" t="s">
        <v>754</v>
      </c>
      <c r="D118" s="6" t="s">
        <v>1290</v>
      </c>
      <c r="E118" s="7" t="s">
        <v>1044</v>
      </c>
      <c r="F118" s="5" t="s">
        <v>3</v>
      </c>
      <c r="G118" s="9" t="s">
        <v>4</v>
      </c>
      <c r="H118" s="9" t="s">
        <v>132</v>
      </c>
      <c r="I118" s="9" t="s">
        <v>4</v>
      </c>
      <c r="J118" s="9" t="s">
        <v>38</v>
      </c>
    </row>
    <row r="119" spans="1:10" ht="13.2" x14ac:dyDescent="0.45">
      <c r="A119" s="6" t="s">
        <v>532</v>
      </c>
      <c r="B119" s="6" t="s">
        <v>621</v>
      </c>
      <c r="C119" s="6" t="s">
        <v>754</v>
      </c>
      <c r="D119" s="6" t="s">
        <v>1319</v>
      </c>
      <c r="E119" s="7" t="s">
        <v>1071</v>
      </c>
      <c r="F119" s="5" t="s">
        <v>3</v>
      </c>
      <c r="G119" s="9" t="s">
        <v>4</v>
      </c>
      <c r="H119" s="9" t="s">
        <v>132</v>
      </c>
      <c r="I119" s="9" t="s">
        <v>4</v>
      </c>
      <c r="J119" s="9" t="s">
        <v>67</v>
      </c>
    </row>
    <row r="120" spans="1:10" ht="13.2" x14ac:dyDescent="0.45">
      <c r="A120" s="6" t="s">
        <v>532</v>
      </c>
      <c r="B120" s="6" t="s">
        <v>621</v>
      </c>
      <c r="C120" s="6" t="s">
        <v>754</v>
      </c>
      <c r="D120" s="6" t="s">
        <v>1319</v>
      </c>
      <c r="E120" s="7" t="s">
        <v>1072</v>
      </c>
      <c r="F120" s="5" t="s">
        <v>3</v>
      </c>
      <c r="G120" s="9" t="s">
        <v>4</v>
      </c>
      <c r="H120" s="9" t="s">
        <v>132</v>
      </c>
      <c r="I120" s="9" t="s">
        <v>4</v>
      </c>
      <c r="J120" s="9" t="s">
        <v>36</v>
      </c>
    </row>
    <row r="121" spans="1:10" ht="13.2" x14ac:dyDescent="0.45">
      <c r="A121" s="6" t="s">
        <v>532</v>
      </c>
      <c r="B121" s="6" t="s">
        <v>621</v>
      </c>
      <c r="C121" s="6" t="s">
        <v>754</v>
      </c>
      <c r="D121" s="6" t="s">
        <v>1290</v>
      </c>
      <c r="E121" s="7" t="s">
        <v>392</v>
      </c>
      <c r="F121" s="5" t="s">
        <v>3</v>
      </c>
      <c r="G121" s="9" t="s">
        <v>4</v>
      </c>
      <c r="H121" s="9" t="s">
        <v>132</v>
      </c>
      <c r="I121" s="9" t="s">
        <v>4</v>
      </c>
      <c r="J121" s="9" t="s">
        <v>68</v>
      </c>
    </row>
    <row r="122" spans="1:10" ht="26.4" x14ac:dyDescent="0.45">
      <c r="A122" s="6" t="s">
        <v>532</v>
      </c>
      <c r="B122" s="6" t="s">
        <v>621</v>
      </c>
      <c r="C122" s="6" t="s">
        <v>754</v>
      </c>
      <c r="D122" s="6" t="s">
        <v>1290</v>
      </c>
      <c r="E122" s="7" t="s">
        <v>1002</v>
      </c>
      <c r="F122" s="5" t="s">
        <v>3</v>
      </c>
      <c r="G122" s="9" t="s">
        <v>4</v>
      </c>
      <c r="H122" s="9" t="s">
        <v>132</v>
      </c>
      <c r="I122" s="9" t="s">
        <v>4</v>
      </c>
      <c r="J122" s="9" t="s">
        <v>133</v>
      </c>
    </row>
    <row r="123" spans="1:10" ht="26.4" x14ac:dyDescent="0.45">
      <c r="A123" s="6" t="s">
        <v>532</v>
      </c>
      <c r="B123" s="6" t="s">
        <v>621</v>
      </c>
      <c r="C123" s="6" t="s">
        <v>754</v>
      </c>
      <c r="D123" s="6" t="s">
        <v>1290</v>
      </c>
      <c r="E123" s="7" t="s">
        <v>1011</v>
      </c>
      <c r="F123" s="5" t="s">
        <v>3</v>
      </c>
      <c r="G123" s="9" t="s">
        <v>4</v>
      </c>
      <c r="H123" s="9" t="s">
        <v>132</v>
      </c>
      <c r="I123" s="9" t="s">
        <v>4</v>
      </c>
      <c r="J123" s="9" t="s">
        <v>149</v>
      </c>
    </row>
    <row r="124" spans="1:10" ht="26.4" x14ac:dyDescent="0.45">
      <c r="A124" s="6" t="s">
        <v>532</v>
      </c>
      <c r="B124" s="6" t="s">
        <v>621</v>
      </c>
      <c r="C124" s="6" t="s">
        <v>754</v>
      </c>
      <c r="D124" s="6" t="s">
        <v>1290</v>
      </c>
      <c r="E124" s="7" t="s">
        <v>1012</v>
      </c>
      <c r="F124" s="5" t="s">
        <v>3</v>
      </c>
      <c r="G124" s="9" t="s">
        <v>4</v>
      </c>
      <c r="H124" s="9" t="s">
        <v>132</v>
      </c>
      <c r="I124" s="9" t="s">
        <v>4</v>
      </c>
      <c r="J124" s="9" t="s">
        <v>150</v>
      </c>
    </row>
    <row r="125" spans="1:10" ht="13.2" x14ac:dyDescent="0.45">
      <c r="A125" s="6" t="s">
        <v>532</v>
      </c>
      <c r="B125" s="6" t="s">
        <v>621</v>
      </c>
      <c r="C125" s="6" t="s">
        <v>754</v>
      </c>
      <c r="D125" s="6" t="s">
        <v>1290</v>
      </c>
      <c r="E125" s="7" t="s">
        <v>393</v>
      </c>
      <c r="F125" s="5" t="s">
        <v>3</v>
      </c>
      <c r="G125" s="9" t="s">
        <v>4</v>
      </c>
      <c r="H125" s="9" t="s">
        <v>132</v>
      </c>
      <c r="I125" s="9" t="s">
        <v>4</v>
      </c>
      <c r="J125" s="9" t="s">
        <v>227</v>
      </c>
    </row>
    <row r="126" spans="1:10" ht="13.2" x14ac:dyDescent="0.45">
      <c r="A126" s="6" t="s">
        <v>532</v>
      </c>
      <c r="B126" s="6" t="s">
        <v>621</v>
      </c>
      <c r="C126" s="6" t="s">
        <v>754</v>
      </c>
      <c r="D126" s="6" t="s">
        <v>1290</v>
      </c>
      <c r="E126" s="7" t="s">
        <v>1067</v>
      </c>
      <c r="F126" s="5" t="s">
        <v>3</v>
      </c>
      <c r="G126" s="9" t="s">
        <v>4</v>
      </c>
      <c r="H126" s="9" t="s">
        <v>132</v>
      </c>
      <c r="I126" s="9" t="s">
        <v>4</v>
      </c>
      <c r="J126" s="9" t="s">
        <v>224</v>
      </c>
    </row>
    <row r="127" spans="1:10" ht="13.2" x14ac:dyDescent="0.45">
      <c r="A127" s="6" t="s">
        <v>532</v>
      </c>
      <c r="B127" s="6" t="s">
        <v>621</v>
      </c>
      <c r="C127" s="6" t="s">
        <v>754</v>
      </c>
      <c r="D127" s="6" t="s">
        <v>1290</v>
      </c>
      <c r="E127" s="7" t="s">
        <v>1068</v>
      </c>
      <c r="F127" s="5" t="s">
        <v>3</v>
      </c>
      <c r="G127" s="9" t="s">
        <v>4</v>
      </c>
      <c r="H127" s="9" t="s">
        <v>132</v>
      </c>
      <c r="I127" s="9" t="s">
        <v>4</v>
      </c>
      <c r="J127" s="9" t="s">
        <v>225</v>
      </c>
    </row>
    <row r="128" spans="1:10" ht="13.2" x14ac:dyDescent="0.45">
      <c r="A128" s="6" t="s">
        <v>532</v>
      </c>
      <c r="B128" s="6" t="s">
        <v>621</v>
      </c>
      <c r="C128" s="6" t="s">
        <v>754</v>
      </c>
      <c r="D128" s="6" t="s">
        <v>1290</v>
      </c>
      <c r="E128" s="7" t="s">
        <v>1069</v>
      </c>
      <c r="F128" s="5" t="s">
        <v>3</v>
      </c>
      <c r="G128" s="9" t="s">
        <v>4</v>
      </c>
      <c r="H128" s="9" t="s">
        <v>132</v>
      </c>
      <c r="I128" s="9" t="s">
        <v>4</v>
      </c>
      <c r="J128" s="9" t="s">
        <v>226</v>
      </c>
    </row>
    <row r="129" spans="1:10" ht="13.2" x14ac:dyDescent="0.45">
      <c r="A129" s="6" t="s">
        <v>532</v>
      </c>
      <c r="B129" s="6" t="s">
        <v>621</v>
      </c>
      <c r="C129" s="6" t="s">
        <v>754</v>
      </c>
      <c r="D129" s="6" t="s">
        <v>1319</v>
      </c>
      <c r="E129" s="7" t="s">
        <v>1073</v>
      </c>
      <c r="F129" s="5" t="s">
        <v>3</v>
      </c>
      <c r="G129" s="9" t="s">
        <v>4</v>
      </c>
      <c r="H129" s="9" t="s">
        <v>132</v>
      </c>
      <c r="I129" s="9" t="s">
        <v>4</v>
      </c>
      <c r="J129" s="9" t="s">
        <v>229</v>
      </c>
    </row>
    <row r="130" spans="1:10" ht="13.2" x14ac:dyDescent="0.45">
      <c r="A130" s="6" t="s">
        <v>532</v>
      </c>
      <c r="B130" s="6" t="s">
        <v>621</v>
      </c>
      <c r="C130" s="6" t="s">
        <v>754</v>
      </c>
      <c r="D130" s="6" t="s">
        <v>1290</v>
      </c>
      <c r="E130" s="7" t="s">
        <v>1070</v>
      </c>
      <c r="F130" s="5" t="s">
        <v>3</v>
      </c>
      <c r="G130" s="9" t="s">
        <v>4</v>
      </c>
      <c r="H130" s="9" t="s">
        <v>132</v>
      </c>
      <c r="I130" s="9" t="s">
        <v>4</v>
      </c>
      <c r="J130" s="9" t="s">
        <v>228</v>
      </c>
    </row>
    <row r="131" spans="1:10" ht="13.2" x14ac:dyDescent="0.45">
      <c r="A131" s="6" t="s">
        <v>601</v>
      </c>
      <c r="B131" s="6" t="s">
        <v>700</v>
      </c>
      <c r="C131" s="6" t="s">
        <v>932</v>
      </c>
      <c r="D131" s="6" t="s">
        <v>1425</v>
      </c>
      <c r="E131" s="7" t="s">
        <v>1241</v>
      </c>
      <c r="F131" s="5" t="s">
        <v>3</v>
      </c>
      <c r="G131" s="9" t="s">
        <v>4</v>
      </c>
      <c r="H131" s="9" t="s">
        <v>132</v>
      </c>
      <c r="I131" s="9" t="s">
        <v>4</v>
      </c>
      <c r="J131" s="9" t="s">
        <v>513</v>
      </c>
    </row>
    <row r="132" spans="1:10" ht="26.4" x14ac:dyDescent="0.45">
      <c r="A132" s="6" t="s">
        <v>548</v>
      </c>
      <c r="B132" s="6" t="s">
        <v>645</v>
      </c>
      <c r="C132" s="6" t="s">
        <v>795</v>
      </c>
      <c r="D132" s="6" t="s">
        <v>1321</v>
      </c>
      <c r="E132" s="7" t="s">
        <v>1167</v>
      </c>
      <c r="F132" s="5" t="s">
        <v>3</v>
      </c>
      <c r="G132" s="9" t="s">
        <v>4</v>
      </c>
      <c r="H132" s="9" t="s">
        <v>231</v>
      </c>
      <c r="I132" s="9" t="s">
        <v>4</v>
      </c>
      <c r="J132" s="9" t="s">
        <v>243</v>
      </c>
    </row>
    <row r="133" spans="1:10" ht="26.4" x14ac:dyDescent="0.45">
      <c r="A133" s="6" t="s">
        <v>548</v>
      </c>
      <c r="B133" s="6" t="s">
        <v>645</v>
      </c>
      <c r="C133" s="6" t="s">
        <v>795</v>
      </c>
      <c r="D133" s="6" t="s">
        <v>1321</v>
      </c>
      <c r="E133" s="7" t="s">
        <v>1168</v>
      </c>
      <c r="F133" s="5" t="s">
        <v>3</v>
      </c>
      <c r="G133" s="9" t="s">
        <v>4</v>
      </c>
      <c r="H133" s="9" t="s">
        <v>231</v>
      </c>
      <c r="I133" s="9" t="s">
        <v>4</v>
      </c>
      <c r="J133" s="9" t="s">
        <v>350</v>
      </c>
    </row>
    <row r="134" spans="1:10" ht="26.4" x14ac:dyDescent="0.45">
      <c r="A134" s="6" t="s">
        <v>548</v>
      </c>
      <c r="B134" s="6" t="s">
        <v>645</v>
      </c>
      <c r="C134" s="6" t="s">
        <v>795</v>
      </c>
      <c r="D134" s="6" t="s">
        <v>1321</v>
      </c>
      <c r="E134" s="7" t="s">
        <v>1171</v>
      </c>
      <c r="F134" s="5" t="s">
        <v>3</v>
      </c>
      <c r="G134" s="9" t="s">
        <v>4</v>
      </c>
      <c r="H134" s="9" t="s">
        <v>231</v>
      </c>
      <c r="I134" s="9" t="s">
        <v>4</v>
      </c>
      <c r="J134" s="9" t="s">
        <v>351</v>
      </c>
    </row>
    <row r="135" spans="1:10" ht="26.4" x14ac:dyDescent="0.45">
      <c r="A135" s="6" t="s">
        <v>592</v>
      </c>
      <c r="B135" s="6" t="s">
        <v>691</v>
      </c>
      <c r="C135" s="6" t="s">
        <v>921</v>
      </c>
      <c r="D135" s="6" t="s">
        <v>1419</v>
      </c>
      <c r="E135" s="7" t="s">
        <v>1229</v>
      </c>
      <c r="F135" s="5" t="s">
        <v>3</v>
      </c>
      <c r="G135" s="9" t="s">
        <v>4</v>
      </c>
      <c r="H135" s="9" t="s">
        <v>231</v>
      </c>
      <c r="I135" s="9" t="s">
        <v>4</v>
      </c>
      <c r="J135" s="9" t="s">
        <v>501</v>
      </c>
    </row>
    <row r="136" spans="1:10" ht="26.4" x14ac:dyDescent="0.45">
      <c r="A136" s="6" t="s">
        <v>548</v>
      </c>
      <c r="B136" s="6" t="s">
        <v>645</v>
      </c>
      <c r="C136" s="6" t="s">
        <v>795</v>
      </c>
      <c r="D136" s="6" t="s">
        <v>1321</v>
      </c>
      <c r="E136" s="7" t="s">
        <v>1076</v>
      </c>
      <c r="F136" s="5" t="s">
        <v>3</v>
      </c>
      <c r="G136" s="9" t="s">
        <v>4</v>
      </c>
      <c r="H136" s="9" t="s">
        <v>231</v>
      </c>
      <c r="I136" s="9" t="s">
        <v>4</v>
      </c>
      <c r="J136" s="9" t="s">
        <v>232</v>
      </c>
    </row>
    <row r="137" spans="1:10" ht="26.4" x14ac:dyDescent="0.45">
      <c r="A137" s="6" t="s">
        <v>548</v>
      </c>
      <c r="B137" s="6" t="s">
        <v>645</v>
      </c>
      <c r="C137" s="6" t="s">
        <v>795</v>
      </c>
      <c r="D137" s="6" t="s">
        <v>1321</v>
      </c>
      <c r="E137" s="7" t="s">
        <v>1077</v>
      </c>
      <c r="F137" s="5" t="s">
        <v>3</v>
      </c>
      <c r="G137" s="9" t="s">
        <v>4</v>
      </c>
      <c r="H137" s="9" t="s">
        <v>231</v>
      </c>
      <c r="I137" s="9" t="s">
        <v>4</v>
      </c>
      <c r="J137" s="9" t="s">
        <v>233</v>
      </c>
    </row>
    <row r="138" spans="1:10" ht="26.4" x14ac:dyDescent="0.45">
      <c r="A138" s="6" t="s">
        <v>549</v>
      </c>
      <c r="B138" s="6" t="s">
        <v>641</v>
      </c>
      <c r="C138" s="6" t="s">
        <v>779</v>
      </c>
      <c r="D138" s="6" t="s">
        <v>780</v>
      </c>
      <c r="E138" s="7" t="s">
        <v>402</v>
      </c>
      <c r="F138" s="5" t="s">
        <v>3</v>
      </c>
      <c r="G138" s="9" t="s">
        <v>4</v>
      </c>
      <c r="H138" s="9" t="s">
        <v>187</v>
      </c>
      <c r="I138" s="9" t="s">
        <v>4</v>
      </c>
      <c r="J138" s="9" t="s">
        <v>19</v>
      </c>
    </row>
    <row r="139" spans="1:10" ht="26.4" x14ac:dyDescent="0.45">
      <c r="A139" s="6" t="s">
        <v>549</v>
      </c>
      <c r="B139" s="6" t="s">
        <v>641</v>
      </c>
      <c r="C139" s="6" t="s">
        <v>779</v>
      </c>
      <c r="D139" s="6" t="s">
        <v>779</v>
      </c>
      <c r="E139" s="7" t="s">
        <v>389</v>
      </c>
      <c r="F139" s="5" t="s">
        <v>3</v>
      </c>
      <c r="G139" s="9" t="s">
        <v>4</v>
      </c>
      <c r="H139" s="9" t="s">
        <v>187</v>
      </c>
      <c r="I139" s="9" t="s">
        <v>4</v>
      </c>
      <c r="J139" s="9" t="s">
        <v>27</v>
      </c>
    </row>
    <row r="140" spans="1:10" ht="26.4" x14ac:dyDescent="0.45">
      <c r="A140" s="6" t="s">
        <v>549</v>
      </c>
      <c r="B140" s="6" t="s">
        <v>641</v>
      </c>
      <c r="C140" s="6" t="s">
        <v>779</v>
      </c>
      <c r="D140" s="6" t="s">
        <v>779</v>
      </c>
      <c r="E140" s="7" t="s">
        <v>1031</v>
      </c>
      <c r="F140" s="5" t="s">
        <v>3</v>
      </c>
      <c r="G140" s="9" t="s">
        <v>4</v>
      </c>
      <c r="H140" s="9" t="s">
        <v>187</v>
      </c>
      <c r="I140" s="9" t="s">
        <v>4</v>
      </c>
      <c r="J140" s="9" t="s">
        <v>89</v>
      </c>
    </row>
    <row r="141" spans="1:10" ht="26.4" x14ac:dyDescent="0.45">
      <c r="A141" s="6" t="s">
        <v>549</v>
      </c>
      <c r="B141" s="6" t="s">
        <v>641</v>
      </c>
      <c r="C141" s="6" t="s">
        <v>780</v>
      </c>
      <c r="D141" s="6" t="s">
        <v>780</v>
      </c>
      <c r="E141" s="7" t="s">
        <v>1032</v>
      </c>
      <c r="F141" s="5" t="s">
        <v>3</v>
      </c>
      <c r="G141" s="9" t="s">
        <v>4</v>
      </c>
      <c r="H141" s="9" t="s">
        <v>187</v>
      </c>
      <c r="I141" s="9" t="s">
        <v>4</v>
      </c>
      <c r="J141" s="9" t="s">
        <v>90</v>
      </c>
    </row>
    <row r="142" spans="1:10" ht="26.4" x14ac:dyDescent="0.45">
      <c r="A142" s="6" t="s">
        <v>549</v>
      </c>
      <c r="B142" s="6" t="s">
        <v>641</v>
      </c>
      <c r="C142" s="6" t="s">
        <v>779</v>
      </c>
      <c r="D142" s="6" t="s">
        <v>779</v>
      </c>
      <c r="E142" s="7" t="s">
        <v>1033</v>
      </c>
      <c r="F142" s="5" t="s">
        <v>3</v>
      </c>
      <c r="G142" s="9" t="s">
        <v>4</v>
      </c>
      <c r="H142" s="9" t="s">
        <v>187</v>
      </c>
      <c r="I142" s="9" t="s">
        <v>4</v>
      </c>
      <c r="J142" s="9" t="s">
        <v>91</v>
      </c>
    </row>
    <row r="143" spans="1:10" ht="26.4" x14ac:dyDescent="0.45">
      <c r="A143" s="6" t="s">
        <v>547</v>
      </c>
      <c r="B143" s="6" t="s">
        <v>640</v>
      </c>
      <c r="C143" s="6" t="s">
        <v>781</v>
      </c>
      <c r="D143" s="6" t="s">
        <v>781</v>
      </c>
      <c r="E143" s="7" t="s">
        <v>1034</v>
      </c>
      <c r="F143" s="5" t="s">
        <v>3</v>
      </c>
      <c r="G143" s="9" t="s">
        <v>4</v>
      </c>
      <c r="H143" s="9" t="s">
        <v>187</v>
      </c>
      <c r="I143" s="9" t="s">
        <v>4</v>
      </c>
      <c r="J143" s="9" t="s">
        <v>92</v>
      </c>
    </row>
    <row r="144" spans="1:10" ht="26.4" x14ac:dyDescent="0.45">
      <c r="A144" s="6" t="s">
        <v>547</v>
      </c>
      <c r="B144" s="6" t="s">
        <v>640</v>
      </c>
      <c r="C144" s="6" t="s">
        <v>781</v>
      </c>
      <c r="D144" s="6" t="s">
        <v>781</v>
      </c>
      <c r="E144" s="7" t="s">
        <v>1035</v>
      </c>
      <c r="F144" s="5" t="s">
        <v>3</v>
      </c>
      <c r="G144" s="9" t="s">
        <v>4</v>
      </c>
      <c r="H144" s="9" t="s">
        <v>187</v>
      </c>
      <c r="I144" s="9" t="s">
        <v>4</v>
      </c>
      <c r="J144" s="9" t="s">
        <v>93</v>
      </c>
    </row>
    <row r="145" spans="1:10" ht="26.4" x14ac:dyDescent="0.45">
      <c r="A145" s="6" t="s">
        <v>549</v>
      </c>
      <c r="B145" s="6" t="s">
        <v>641</v>
      </c>
      <c r="C145" s="6" t="s">
        <v>780</v>
      </c>
      <c r="D145" s="6" t="s">
        <v>780</v>
      </c>
      <c r="E145" s="7" t="s">
        <v>1190</v>
      </c>
      <c r="F145" s="5" t="s">
        <v>3</v>
      </c>
      <c r="G145" s="9" t="s">
        <v>4</v>
      </c>
      <c r="H145" s="9" t="s">
        <v>187</v>
      </c>
      <c r="I145" s="9" t="s">
        <v>4</v>
      </c>
      <c r="J145" s="9" t="s">
        <v>94</v>
      </c>
    </row>
    <row r="146" spans="1:10" ht="26.4" x14ac:dyDescent="0.45">
      <c r="A146" s="6" t="s">
        <v>574</v>
      </c>
      <c r="B146" s="6" t="s">
        <v>672</v>
      </c>
      <c r="C146" s="6" t="s">
        <v>895</v>
      </c>
      <c r="D146" s="6" t="s">
        <v>327</v>
      </c>
      <c r="E146" s="7" t="s">
        <v>436</v>
      </c>
      <c r="F146" s="5" t="s">
        <v>3</v>
      </c>
      <c r="G146" s="9" t="s">
        <v>4</v>
      </c>
      <c r="H146" s="9" t="s">
        <v>326</v>
      </c>
      <c r="I146" s="9" t="s">
        <v>4</v>
      </c>
      <c r="J146" s="9" t="s">
        <v>157</v>
      </c>
    </row>
    <row r="147" spans="1:10" ht="26.4" x14ac:dyDescent="0.45">
      <c r="A147" s="6" t="s">
        <v>574</v>
      </c>
      <c r="B147" s="6" t="s">
        <v>672</v>
      </c>
      <c r="C147" s="6" t="s">
        <v>895</v>
      </c>
      <c r="D147" s="6" t="s">
        <v>1403</v>
      </c>
      <c r="E147" s="7" t="s">
        <v>1206</v>
      </c>
      <c r="F147" s="5" t="s">
        <v>3</v>
      </c>
      <c r="G147" s="9" t="s">
        <v>4</v>
      </c>
      <c r="H147" s="9" t="s">
        <v>326</v>
      </c>
      <c r="I147" s="9" t="s">
        <v>4</v>
      </c>
      <c r="J147" s="9" t="s">
        <v>349</v>
      </c>
    </row>
    <row r="148" spans="1:10" ht="26.4" x14ac:dyDescent="0.45">
      <c r="A148" s="6" t="s">
        <v>7</v>
      </c>
      <c r="B148" s="6" t="s">
        <v>75</v>
      </c>
      <c r="C148" s="6" t="s">
        <v>426</v>
      </c>
      <c r="D148" s="6" t="s">
        <v>495</v>
      </c>
      <c r="E148" s="7" t="s">
        <v>496</v>
      </c>
      <c r="F148" s="5" t="s">
        <v>3</v>
      </c>
      <c r="G148" s="9" t="s">
        <v>4</v>
      </c>
      <c r="H148" s="9" t="s">
        <v>326</v>
      </c>
      <c r="I148" s="9" t="s">
        <v>4</v>
      </c>
      <c r="J148" s="9" t="s">
        <v>487</v>
      </c>
    </row>
    <row r="149" spans="1:10" ht="26.4" x14ac:dyDescent="0.45">
      <c r="A149" s="6" t="s">
        <v>532</v>
      </c>
      <c r="B149" s="6" t="s">
        <v>621</v>
      </c>
      <c r="C149" s="6" t="s">
        <v>858</v>
      </c>
      <c r="D149" s="6" t="s">
        <v>1364</v>
      </c>
      <c r="E149" s="7" t="s">
        <v>1138</v>
      </c>
      <c r="F149" s="5" t="s">
        <v>3</v>
      </c>
      <c r="G149" s="9" t="s">
        <v>4</v>
      </c>
      <c r="H149" s="9" t="s">
        <v>326</v>
      </c>
      <c r="I149" s="9" t="s">
        <v>4</v>
      </c>
      <c r="J149" s="9" t="s">
        <v>328</v>
      </c>
    </row>
    <row r="150" spans="1:10" ht="26.4" x14ac:dyDescent="0.45">
      <c r="A150" s="6" t="s">
        <v>532</v>
      </c>
      <c r="B150" s="6" t="s">
        <v>621</v>
      </c>
      <c r="C150" s="6" t="s">
        <v>859</v>
      </c>
      <c r="D150" s="6" t="s">
        <v>327</v>
      </c>
      <c r="E150" s="7" t="s">
        <v>1137</v>
      </c>
      <c r="F150" s="5" t="s">
        <v>3</v>
      </c>
      <c r="G150" s="9" t="s">
        <v>4</v>
      </c>
      <c r="H150" s="9" t="s">
        <v>326</v>
      </c>
      <c r="I150" s="9" t="s">
        <v>4</v>
      </c>
      <c r="J150" s="9" t="s">
        <v>52</v>
      </c>
    </row>
    <row r="151" spans="1:10" ht="26.4" x14ac:dyDescent="0.45">
      <c r="A151" s="6" t="s">
        <v>574</v>
      </c>
      <c r="B151" s="6" t="s">
        <v>672</v>
      </c>
      <c r="C151" s="6" t="s">
        <v>895</v>
      </c>
      <c r="D151" s="6" t="s">
        <v>1403</v>
      </c>
      <c r="E151" s="7" t="s">
        <v>1207</v>
      </c>
      <c r="F151" s="5" t="s">
        <v>3</v>
      </c>
      <c r="G151" s="9" t="s">
        <v>4</v>
      </c>
      <c r="H151" s="9" t="s">
        <v>326</v>
      </c>
      <c r="I151" s="9" t="s">
        <v>4</v>
      </c>
      <c r="J151" s="9" t="s">
        <v>435</v>
      </c>
    </row>
    <row r="152" spans="1:10" ht="26.4" x14ac:dyDescent="0.45">
      <c r="A152" s="6" t="s">
        <v>532</v>
      </c>
      <c r="B152" s="6" t="s">
        <v>621</v>
      </c>
      <c r="C152" s="6" t="s">
        <v>858</v>
      </c>
      <c r="D152" s="6" t="s">
        <v>327</v>
      </c>
      <c r="E152" s="7" t="s">
        <v>1139</v>
      </c>
      <c r="F152" s="5" t="s">
        <v>3</v>
      </c>
      <c r="G152" s="9" t="s">
        <v>4</v>
      </c>
      <c r="H152" s="9" t="s">
        <v>326</v>
      </c>
      <c r="I152" s="9" t="s">
        <v>4</v>
      </c>
      <c r="J152" s="9" t="s">
        <v>329</v>
      </c>
    </row>
    <row r="153" spans="1:10" ht="26.4" x14ac:dyDescent="0.45">
      <c r="A153" s="6" t="s">
        <v>532</v>
      </c>
      <c r="B153" s="6" t="s">
        <v>621</v>
      </c>
      <c r="C153" s="6" t="s">
        <v>858</v>
      </c>
      <c r="D153" s="6" t="s">
        <v>327</v>
      </c>
      <c r="E153" s="7" t="s">
        <v>1136</v>
      </c>
      <c r="F153" s="5" t="s">
        <v>3</v>
      </c>
      <c r="G153" s="9" t="s">
        <v>4</v>
      </c>
      <c r="H153" s="9" t="s">
        <v>326</v>
      </c>
      <c r="I153" s="9" t="s">
        <v>4</v>
      </c>
      <c r="J153" s="9" t="s">
        <v>50</v>
      </c>
    </row>
    <row r="154" spans="1:10" ht="13.2" x14ac:dyDescent="0.45">
      <c r="A154" s="6" t="s">
        <v>7</v>
      </c>
      <c r="B154" s="6" t="s">
        <v>75</v>
      </c>
      <c r="C154" s="6" t="s">
        <v>429</v>
      </c>
      <c r="D154" s="6" t="s">
        <v>1398</v>
      </c>
      <c r="E154" s="7" t="s">
        <v>1198</v>
      </c>
      <c r="F154" s="5" t="s">
        <v>3</v>
      </c>
      <c r="G154" s="9" t="s">
        <v>4</v>
      </c>
      <c r="H154" s="9" t="s">
        <v>352</v>
      </c>
      <c r="I154" s="9" t="s">
        <v>4</v>
      </c>
      <c r="J154" s="9" t="s">
        <v>488</v>
      </c>
    </row>
    <row r="155" spans="1:10" ht="13.2" x14ac:dyDescent="0.45">
      <c r="A155" s="6" t="s">
        <v>565</v>
      </c>
      <c r="B155" s="6" t="s">
        <v>645</v>
      </c>
      <c r="C155" s="6" t="s">
        <v>877</v>
      </c>
      <c r="D155" s="6" t="s">
        <v>1387</v>
      </c>
      <c r="E155" s="7" t="s">
        <v>1172</v>
      </c>
      <c r="F155" s="5" t="s">
        <v>3</v>
      </c>
      <c r="G155" s="9" t="s">
        <v>4</v>
      </c>
      <c r="H155" s="9" t="s">
        <v>352</v>
      </c>
      <c r="I155" s="9" t="s">
        <v>4</v>
      </c>
      <c r="J155" s="9" t="s">
        <v>189</v>
      </c>
    </row>
    <row r="156" spans="1:10" ht="13.2" x14ac:dyDescent="0.45">
      <c r="A156" s="6" t="s">
        <v>542</v>
      </c>
      <c r="B156" s="6" t="s">
        <v>662</v>
      </c>
      <c r="C156" s="6" t="s">
        <v>878</v>
      </c>
      <c r="D156" s="6" t="s">
        <v>1388</v>
      </c>
      <c r="E156" s="7" t="s">
        <v>1173</v>
      </c>
      <c r="F156" s="5" t="s">
        <v>3</v>
      </c>
      <c r="G156" s="9" t="s">
        <v>4</v>
      </c>
      <c r="H156" s="9" t="s">
        <v>352</v>
      </c>
      <c r="I156" s="9" t="s">
        <v>4</v>
      </c>
      <c r="J156" s="9" t="s">
        <v>190</v>
      </c>
    </row>
    <row r="157" spans="1:10" ht="13.2" x14ac:dyDescent="0.45">
      <c r="A157" s="6" t="s">
        <v>542</v>
      </c>
      <c r="B157" s="6" t="s">
        <v>662</v>
      </c>
      <c r="C157" s="6" t="s">
        <v>878</v>
      </c>
      <c r="D157" s="6" t="s">
        <v>1388</v>
      </c>
      <c r="E157" s="7" t="s">
        <v>415</v>
      </c>
      <c r="F157" s="5" t="s">
        <v>3</v>
      </c>
      <c r="G157" s="9" t="s">
        <v>4</v>
      </c>
      <c r="H157" s="9" t="s">
        <v>352</v>
      </c>
      <c r="I157" s="9" t="s">
        <v>4</v>
      </c>
      <c r="J157" s="9" t="s">
        <v>192</v>
      </c>
    </row>
    <row r="158" spans="1:10" ht="13.2" x14ac:dyDescent="0.45">
      <c r="A158" s="6" t="s">
        <v>565</v>
      </c>
      <c r="B158" s="6" t="s">
        <v>645</v>
      </c>
      <c r="C158" s="6" t="s">
        <v>877</v>
      </c>
      <c r="D158" s="6" t="s">
        <v>1387</v>
      </c>
      <c r="E158" s="7" t="s">
        <v>1174</v>
      </c>
      <c r="F158" s="5" t="s">
        <v>3</v>
      </c>
      <c r="G158" s="9" t="s">
        <v>4</v>
      </c>
      <c r="H158" s="9" t="s">
        <v>352</v>
      </c>
      <c r="I158" s="9" t="s">
        <v>4</v>
      </c>
      <c r="J158" s="9" t="s">
        <v>193</v>
      </c>
    </row>
    <row r="159" spans="1:10" ht="13.2" x14ac:dyDescent="0.45">
      <c r="A159" s="6" t="s">
        <v>565</v>
      </c>
      <c r="B159" s="6" t="s">
        <v>645</v>
      </c>
      <c r="C159" s="6" t="s">
        <v>877</v>
      </c>
      <c r="D159" s="6" t="s">
        <v>1387</v>
      </c>
      <c r="E159" s="7" t="s">
        <v>416</v>
      </c>
      <c r="F159" s="5" t="s">
        <v>3</v>
      </c>
      <c r="G159" s="9" t="s">
        <v>4</v>
      </c>
      <c r="H159" s="9" t="s">
        <v>352</v>
      </c>
      <c r="I159" s="9" t="s">
        <v>4</v>
      </c>
      <c r="J159" s="9" t="s">
        <v>194</v>
      </c>
    </row>
    <row r="160" spans="1:10" ht="13.2" x14ac:dyDescent="0.45">
      <c r="A160" s="6" t="s">
        <v>541</v>
      </c>
      <c r="B160" s="6" t="s">
        <v>663</v>
      </c>
      <c r="C160" s="6" t="s">
        <v>879</v>
      </c>
      <c r="D160" s="6" t="s">
        <v>1389</v>
      </c>
      <c r="E160" s="7" t="s">
        <v>1175</v>
      </c>
      <c r="F160" s="5" t="s">
        <v>3</v>
      </c>
      <c r="G160" s="9" t="s">
        <v>4</v>
      </c>
      <c r="H160" s="9" t="s">
        <v>352</v>
      </c>
      <c r="I160" s="9" t="s">
        <v>4</v>
      </c>
      <c r="J160" s="9" t="s">
        <v>353</v>
      </c>
    </row>
    <row r="161" spans="1:10" ht="26.4" x14ac:dyDescent="0.45">
      <c r="A161" s="6" t="s">
        <v>565</v>
      </c>
      <c r="B161" s="6" t="s">
        <v>645</v>
      </c>
      <c r="C161" s="6" t="s">
        <v>877</v>
      </c>
      <c r="D161" s="6" t="s">
        <v>1387</v>
      </c>
      <c r="E161" s="7" t="s">
        <v>1176</v>
      </c>
      <c r="F161" s="5" t="s">
        <v>3</v>
      </c>
      <c r="G161" s="9" t="s">
        <v>4</v>
      </c>
      <c r="H161" s="9" t="s">
        <v>352</v>
      </c>
      <c r="I161" s="9" t="s">
        <v>4</v>
      </c>
      <c r="J161" s="9" t="s">
        <v>354</v>
      </c>
    </row>
    <row r="162" spans="1:10" ht="13.2" x14ac:dyDescent="0.45">
      <c r="A162" s="6" t="s">
        <v>565</v>
      </c>
      <c r="B162" s="6" t="s">
        <v>645</v>
      </c>
      <c r="C162" s="6" t="s">
        <v>877</v>
      </c>
      <c r="D162" s="6" t="s">
        <v>1387</v>
      </c>
      <c r="E162" s="7" t="s">
        <v>417</v>
      </c>
      <c r="F162" s="5" t="s">
        <v>3</v>
      </c>
      <c r="G162" s="9" t="s">
        <v>4</v>
      </c>
      <c r="H162" s="9" t="s">
        <v>352</v>
      </c>
      <c r="I162" s="9" t="s">
        <v>4</v>
      </c>
      <c r="J162" s="9" t="s">
        <v>355</v>
      </c>
    </row>
    <row r="163" spans="1:10" ht="26.4" x14ac:dyDescent="0.45">
      <c r="A163" s="6" t="s">
        <v>565</v>
      </c>
      <c r="B163" s="6" t="s">
        <v>645</v>
      </c>
      <c r="C163" s="6" t="s">
        <v>877</v>
      </c>
      <c r="D163" s="6" t="s">
        <v>1387</v>
      </c>
      <c r="E163" s="7" t="s">
        <v>1177</v>
      </c>
      <c r="F163" s="5" t="s">
        <v>3</v>
      </c>
      <c r="G163" s="9" t="s">
        <v>4</v>
      </c>
      <c r="H163" s="9" t="s">
        <v>352</v>
      </c>
      <c r="I163" s="9" t="s">
        <v>4</v>
      </c>
      <c r="J163" s="9" t="s">
        <v>356</v>
      </c>
    </row>
    <row r="164" spans="1:10" ht="13.2" x14ac:dyDescent="0.45">
      <c r="A164" s="6" t="s">
        <v>565</v>
      </c>
      <c r="B164" s="6" t="s">
        <v>645</v>
      </c>
      <c r="C164" s="6" t="s">
        <v>877</v>
      </c>
      <c r="D164" s="6" t="s">
        <v>1387</v>
      </c>
      <c r="E164" s="7" t="s">
        <v>1178</v>
      </c>
      <c r="F164" s="5" t="s">
        <v>3</v>
      </c>
      <c r="G164" s="9" t="s">
        <v>4</v>
      </c>
      <c r="H164" s="9" t="s">
        <v>352</v>
      </c>
      <c r="I164" s="9" t="s">
        <v>4</v>
      </c>
      <c r="J164" s="9" t="s">
        <v>357</v>
      </c>
    </row>
    <row r="165" spans="1:10" ht="26.4" x14ac:dyDescent="0.45">
      <c r="A165" s="6" t="s">
        <v>540</v>
      </c>
      <c r="B165" s="6" t="s">
        <v>620</v>
      </c>
      <c r="C165" s="6" t="s">
        <v>726</v>
      </c>
      <c r="D165" s="6" t="s">
        <v>1270</v>
      </c>
      <c r="E165" s="7" t="s">
        <v>970</v>
      </c>
      <c r="F165" s="5" t="s">
        <v>3</v>
      </c>
      <c r="G165" s="9" t="s">
        <v>4</v>
      </c>
      <c r="H165" s="9" t="s">
        <v>73</v>
      </c>
      <c r="I165" s="9" t="s">
        <v>4</v>
      </c>
      <c r="J165" s="9" t="s">
        <v>74</v>
      </c>
    </row>
    <row r="166" spans="1:10" ht="26.4" x14ac:dyDescent="0.45">
      <c r="A166" s="6" t="s">
        <v>540</v>
      </c>
      <c r="B166" s="6" t="s">
        <v>620</v>
      </c>
      <c r="C166" s="6" t="s">
        <v>726</v>
      </c>
      <c r="D166" s="6" t="s">
        <v>76</v>
      </c>
      <c r="E166" s="7" t="s">
        <v>376</v>
      </c>
      <c r="F166" s="5" t="s">
        <v>3</v>
      </c>
      <c r="G166" s="9" t="s">
        <v>4</v>
      </c>
      <c r="H166" s="9" t="s">
        <v>73</v>
      </c>
      <c r="I166" s="9" t="s">
        <v>4</v>
      </c>
      <c r="J166" s="9" t="s">
        <v>28</v>
      </c>
    </row>
    <row r="167" spans="1:10" ht="26.4" x14ac:dyDescent="0.45">
      <c r="A167" s="6" t="s">
        <v>540</v>
      </c>
      <c r="B167" s="6" t="s">
        <v>620</v>
      </c>
      <c r="C167" s="6" t="s">
        <v>726</v>
      </c>
      <c r="D167" s="6" t="s">
        <v>76</v>
      </c>
      <c r="E167" s="7" t="s">
        <v>377</v>
      </c>
      <c r="F167" s="5" t="s">
        <v>3</v>
      </c>
      <c r="G167" s="9" t="s">
        <v>4</v>
      </c>
      <c r="H167" s="9" t="s">
        <v>73</v>
      </c>
      <c r="I167" s="9" t="s">
        <v>4</v>
      </c>
      <c r="J167" s="9" t="s">
        <v>77</v>
      </c>
    </row>
    <row r="168" spans="1:10" ht="26.4" x14ac:dyDescent="0.45">
      <c r="A168" s="6" t="s">
        <v>540</v>
      </c>
      <c r="B168" s="6" t="s">
        <v>620</v>
      </c>
      <c r="C168" s="6" t="s">
        <v>726</v>
      </c>
      <c r="D168" s="6" t="s">
        <v>1271</v>
      </c>
      <c r="E168" s="7" t="s">
        <v>971</v>
      </c>
      <c r="F168" s="5" t="s">
        <v>3</v>
      </c>
      <c r="G168" s="9" t="s">
        <v>4</v>
      </c>
      <c r="H168" s="9" t="s">
        <v>73</v>
      </c>
      <c r="I168" s="9" t="s">
        <v>4</v>
      </c>
      <c r="J168" s="9" t="s">
        <v>78</v>
      </c>
    </row>
    <row r="169" spans="1:10" ht="26.4" x14ac:dyDescent="0.45">
      <c r="A169" s="6" t="s">
        <v>532</v>
      </c>
      <c r="B169" s="6" t="s">
        <v>621</v>
      </c>
      <c r="C169" s="6" t="s">
        <v>727</v>
      </c>
      <c r="D169" s="6" t="s">
        <v>1272</v>
      </c>
      <c r="E169" s="7" t="s">
        <v>972</v>
      </c>
      <c r="F169" s="5" t="s">
        <v>3</v>
      </c>
      <c r="G169" s="9" t="s">
        <v>4</v>
      </c>
      <c r="H169" s="9" t="s">
        <v>73</v>
      </c>
      <c r="I169" s="9" t="s">
        <v>4</v>
      </c>
      <c r="J169" s="9" t="s">
        <v>54</v>
      </c>
    </row>
    <row r="170" spans="1:10" ht="26.4" x14ac:dyDescent="0.45">
      <c r="A170" s="6" t="s">
        <v>532</v>
      </c>
      <c r="B170" s="6" t="s">
        <v>621</v>
      </c>
      <c r="C170" s="6" t="s">
        <v>727</v>
      </c>
      <c r="D170" s="6" t="s">
        <v>1273</v>
      </c>
      <c r="E170" s="7" t="s">
        <v>973</v>
      </c>
      <c r="F170" s="5" t="s">
        <v>3</v>
      </c>
      <c r="G170" s="9" t="s">
        <v>4</v>
      </c>
      <c r="H170" s="9" t="s">
        <v>73</v>
      </c>
      <c r="I170" s="9" t="s">
        <v>4</v>
      </c>
      <c r="J170" s="9" t="s">
        <v>79</v>
      </c>
    </row>
    <row r="171" spans="1:10" ht="26.4" x14ac:dyDescent="0.45">
      <c r="A171" s="6" t="s">
        <v>605</v>
      </c>
      <c r="B171" s="6" t="s">
        <v>705</v>
      </c>
      <c r="C171" s="6" t="s">
        <v>936</v>
      </c>
      <c r="D171" s="6" t="s">
        <v>1428</v>
      </c>
      <c r="E171" s="7" t="s">
        <v>1247</v>
      </c>
      <c r="F171" s="5" t="s">
        <v>3</v>
      </c>
      <c r="G171" s="9" t="s">
        <v>4</v>
      </c>
      <c r="H171" s="9" t="s">
        <v>529</v>
      </c>
      <c r="I171" s="9" t="s">
        <v>4</v>
      </c>
      <c r="J171" s="9" t="s">
        <v>530</v>
      </c>
    </row>
    <row r="172" spans="1:10" ht="26.4" x14ac:dyDescent="0.45">
      <c r="A172" s="6" t="s">
        <v>534</v>
      </c>
      <c r="B172" s="6" t="s">
        <v>646</v>
      </c>
      <c r="C172" s="6" t="s">
        <v>800</v>
      </c>
      <c r="D172" s="6" t="s">
        <v>1325</v>
      </c>
      <c r="E172" s="7" t="s">
        <v>414</v>
      </c>
      <c r="F172" s="5" t="s">
        <v>3</v>
      </c>
      <c r="G172" s="9" t="s">
        <v>4</v>
      </c>
      <c r="H172" s="9" t="s">
        <v>234</v>
      </c>
      <c r="I172" s="9" t="s">
        <v>4</v>
      </c>
      <c r="J172" s="9" t="s">
        <v>349</v>
      </c>
    </row>
    <row r="173" spans="1:10" ht="26.4" x14ac:dyDescent="0.45">
      <c r="A173" s="6" t="s">
        <v>580</v>
      </c>
      <c r="B173" s="6" t="s">
        <v>678</v>
      </c>
      <c r="C173" s="6" t="s">
        <v>800</v>
      </c>
      <c r="D173" s="6" t="s">
        <v>1325</v>
      </c>
      <c r="E173" s="7" t="s">
        <v>1213</v>
      </c>
      <c r="F173" s="5" t="s">
        <v>3</v>
      </c>
      <c r="G173" s="9" t="s">
        <v>4</v>
      </c>
      <c r="H173" s="9" t="s">
        <v>234</v>
      </c>
      <c r="I173" s="9" t="s">
        <v>4</v>
      </c>
      <c r="J173" s="9" t="s">
        <v>461</v>
      </c>
    </row>
    <row r="174" spans="1:10" ht="26.4" x14ac:dyDescent="0.45">
      <c r="A174" s="6" t="s">
        <v>534</v>
      </c>
      <c r="B174" s="6" t="s">
        <v>646</v>
      </c>
      <c r="C174" s="6" t="s">
        <v>800</v>
      </c>
      <c r="D174" s="6" t="s">
        <v>1325</v>
      </c>
      <c r="E174" s="7" t="s">
        <v>1087</v>
      </c>
      <c r="F174" s="5" t="s">
        <v>3</v>
      </c>
      <c r="G174" s="9" t="s">
        <v>4</v>
      </c>
      <c r="H174" s="9" t="s">
        <v>234</v>
      </c>
      <c r="I174" s="9" t="s">
        <v>4</v>
      </c>
      <c r="J174" s="9" t="s">
        <v>246</v>
      </c>
    </row>
    <row r="175" spans="1:10" ht="39.6" x14ac:dyDescent="0.45">
      <c r="A175" s="6" t="s">
        <v>550</v>
      </c>
      <c r="B175" s="6" t="s">
        <v>643</v>
      </c>
      <c r="C175" s="6" t="s">
        <v>785</v>
      </c>
      <c r="D175" s="6" t="s">
        <v>1311</v>
      </c>
      <c r="E175" s="7" t="s">
        <v>1043</v>
      </c>
      <c r="F175" s="5" t="s">
        <v>3</v>
      </c>
      <c r="G175" s="9" t="s">
        <v>4</v>
      </c>
      <c r="H175" s="9" t="s">
        <v>198</v>
      </c>
      <c r="I175" s="9" t="s">
        <v>4</v>
      </c>
      <c r="J175" s="9" t="s">
        <v>200</v>
      </c>
    </row>
    <row r="176" spans="1:10" ht="39.6" x14ac:dyDescent="0.45">
      <c r="A176" s="6" t="s">
        <v>550</v>
      </c>
      <c r="B176" s="6" t="s">
        <v>643</v>
      </c>
      <c r="C176" s="6" t="s">
        <v>785</v>
      </c>
      <c r="D176" s="6" t="s">
        <v>1311</v>
      </c>
      <c r="E176" s="7" t="s">
        <v>1042</v>
      </c>
      <c r="F176" s="5" t="s">
        <v>3</v>
      </c>
      <c r="G176" s="9" t="s">
        <v>4</v>
      </c>
      <c r="H176" s="9" t="s">
        <v>198</v>
      </c>
      <c r="I176" s="9" t="s">
        <v>4</v>
      </c>
      <c r="J176" s="9" t="s">
        <v>199</v>
      </c>
    </row>
    <row r="177" spans="1:10" ht="26.4" x14ac:dyDescent="0.45">
      <c r="A177" s="6" t="s">
        <v>540</v>
      </c>
      <c r="B177" s="6" t="s">
        <v>623</v>
      </c>
      <c r="C177" s="6" t="s">
        <v>807</v>
      </c>
      <c r="D177" s="6" t="s">
        <v>1329</v>
      </c>
      <c r="E177" s="7" t="s">
        <v>1091</v>
      </c>
      <c r="F177" s="5" t="s">
        <v>3</v>
      </c>
      <c r="G177" s="9" t="s">
        <v>4</v>
      </c>
      <c r="H177" s="9" t="s">
        <v>198</v>
      </c>
      <c r="I177" s="9" t="s">
        <v>4</v>
      </c>
      <c r="J177" s="9" t="s">
        <v>258</v>
      </c>
    </row>
    <row r="178" spans="1:10" ht="26.4" x14ac:dyDescent="0.45">
      <c r="A178" s="6" t="s">
        <v>571</v>
      </c>
      <c r="B178" s="6" t="s">
        <v>669</v>
      </c>
      <c r="C178" s="6" t="s">
        <v>891</v>
      </c>
      <c r="D178" s="6" t="s">
        <v>259</v>
      </c>
      <c r="E178" s="7" t="s">
        <v>1200</v>
      </c>
      <c r="F178" s="5" t="s">
        <v>3</v>
      </c>
      <c r="G178" s="9" t="s">
        <v>4</v>
      </c>
      <c r="H178" s="9" t="s">
        <v>198</v>
      </c>
      <c r="I178" s="9" t="s">
        <v>4</v>
      </c>
      <c r="J178" s="9" t="s">
        <v>432</v>
      </c>
    </row>
    <row r="179" spans="1:10" ht="26.4" x14ac:dyDescent="0.45">
      <c r="A179" s="6" t="s">
        <v>571</v>
      </c>
      <c r="B179" s="6" t="s">
        <v>669</v>
      </c>
      <c r="C179" s="6" t="s">
        <v>891</v>
      </c>
      <c r="D179" s="6" t="s">
        <v>259</v>
      </c>
      <c r="E179" s="7" t="s">
        <v>1201</v>
      </c>
      <c r="F179" s="5" t="s">
        <v>3</v>
      </c>
      <c r="G179" s="9" t="s">
        <v>4</v>
      </c>
      <c r="H179" s="9" t="s">
        <v>198</v>
      </c>
      <c r="I179" s="9" t="s">
        <v>4</v>
      </c>
      <c r="J179" s="9" t="s">
        <v>433</v>
      </c>
    </row>
    <row r="180" spans="1:10" ht="13.2" x14ac:dyDescent="0.45">
      <c r="A180" s="6" t="s">
        <v>532</v>
      </c>
      <c r="B180" s="6" t="s">
        <v>622</v>
      </c>
      <c r="C180" s="6" t="s">
        <v>707</v>
      </c>
      <c r="D180" s="6" t="s">
        <v>1274</v>
      </c>
      <c r="E180" s="7" t="s">
        <v>978</v>
      </c>
      <c r="F180" s="5" t="s">
        <v>3</v>
      </c>
      <c r="G180" s="9" t="s">
        <v>4</v>
      </c>
      <c r="H180" s="9" t="s">
        <v>82</v>
      </c>
      <c r="I180" s="9" t="s">
        <v>4</v>
      </c>
      <c r="J180" s="9" t="s">
        <v>83</v>
      </c>
    </row>
    <row r="181" spans="1:10" ht="13.2" x14ac:dyDescent="0.45">
      <c r="A181" s="6" t="s">
        <v>532</v>
      </c>
      <c r="B181" s="6" t="s">
        <v>622</v>
      </c>
      <c r="C181" s="6" t="s">
        <v>737</v>
      </c>
      <c r="D181" s="6" t="s">
        <v>1281</v>
      </c>
      <c r="E181" s="7" t="s">
        <v>382</v>
      </c>
      <c r="F181" s="5" t="s">
        <v>3</v>
      </c>
      <c r="G181" s="9" t="s">
        <v>4</v>
      </c>
      <c r="H181" s="9" t="s">
        <v>103</v>
      </c>
      <c r="I181" s="9" t="s">
        <v>4</v>
      </c>
      <c r="J181" s="9" t="s">
        <v>104</v>
      </c>
    </row>
    <row r="182" spans="1:10" ht="13.2" x14ac:dyDescent="0.45">
      <c r="A182" s="6" t="s">
        <v>532</v>
      </c>
      <c r="B182" s="6" t="s">
        <v>622</v>
      </c>
      <c r="C182" s="6" t="s">
        <v>738</v>
      </c>
      <c r="D182" s="6" t="s">
        <v>1282</v>
      </c>
      <c r="E182" s="7" t="s">
        <v>383</v>
      </c>
      <c r="F182" s="5" t="s">
        <v>3</v>
      </c>
      <c r="G182" s="9" t="s">
        <v>4</v>
      </c>
      <c r="H182" s="9" t="s">
        <v>103</v>
      </c>
      <c r="I182" s="9" t="s">
        <v>4</v>
      </c>
      <c r="J182" s="9" t="s">
        <v>105</v>
      </c>
    </row>
    <row r="183" spans="1:10" ht="13.2" x14ac:dyDescent="0.45">
      <c r="A183" s="6" t="s">
        <v>542</v>
      </c>
      <c r="B183" s="6" t="s">
        <v>624</v>
      </c>
      <c r="C183" s="6" t="s">
        <v>739</v>
      </c>
      <c r="D183" s="6" t="s">
        <v>1283</v>
      </c>
      <c r="E183" s="7" t="s">
        <v>988</v>
      </c>
      <c r="F183" s="5" t="s">
        <v>3</v>
      </c>
      <c r="G183" s="9" t="s">
        <v>4</v>
      </c>
      <c r="H183" s="9" t="s">
        <v>103</v>
      </c>
      <c r="I183" s="9" t="s">
        <v>4</v>
      </c>
      <c r="J183" s="9" t="s">
        <v>106</v>
      </c>
    </row>
    <row r="184" spans="1:10" ht="13.2" x14ac:dyDescent="0.45">
      <c r="A184" s="6" t="s">
        <v>543</v>
      </c>
      <c r="B184" s="6" t="s">
        <v>625</v>
      </c>
      <c r="C184" s="6" t="s">
        <v>740</v>
      </c>
      <c r="D184" s="6" t="s">
        <v>1284</v>
      </c>
      <c r="E184" s="7" t="s">
        <v>989</v>
      </c>
      <c r="F184" s="5" t="s">
        <v>3</v>
      </c>
      <c r="G184" s="9" t="s">
        <v>4</v>
      </c>
      <c r="H184" s="9" t="s">
        <v>103</v>
      </c>
      <c r="I184" s="9" t="s">
        <v>4</v>
      </c>
      <c r="J184" s="9" t="s">
        <v>107</v>
      </c>
    </row>
    <row r="185" spans="1:10" ht="13.2" x14ac:dyDescent="0.45">
      <c r="A185" s="6" t="s">
        <v>543</v>
      </c>
      <c r="B185" s="6" t="s">
        <v>625</v>
      </c>
      <c r="C185" s="6" t="s">
        <v>740</v>
      </c>
      <c r="D185" s="6" t="s">
        <v>1284</v>
      </c>
      <c r="E185" s="7" t="s">
        <v>990</v>
      </c>
      <c r="F185" s="5" t="s">
        <v>3</v>
      </c>
      <c r="G185" s="9" t="s">
        <v>4</v>
      </c>
      <c r="H185" s="9" t="s">
        <v>103</v>
      </c>
      <c r="I185" s="9" t="s">
        <v>4</v>
      </c>
      <c r="J185" s="9" t="s">
        <v>108</v>
      </c>
    </row>
    <row r="186" spans="1:10" ht="13.2" x14ac:dyDescent="0.45">
      <c r="A186" s="6" t="s">
        <v>543</v>
      </c>
      <c r="B186" s="6" t="s">
        <v>625</v>
      </c>
      <c r="C186" s="6" t="s">
        <v>740</v>
      </c>
      <c r="D186" s="6" t="s">
        <v>1284</v>
      </c>
      <c r="E186" s="7" t="s">
        <v>991</v>
      </c>
      <c r="F186" s="5" t="s">
        <v>3</v>
      </c>
      <c r="G186" s="9" t="s">
        <v>4</v>
      </c>
      <c r="H186" s="9" t="s">
        <v>103</v>
      </c>
      <c r="I186" s="9" t="s">
        <v>4</v>
      </c>
      <c r="J186" s="9" t="s">
        <v>109</v>
      </c>
    </row>
    <row r="187" spans="1:10" ht="26.4" x14ac:dyDescent="0.45">
      <c r="A187" s="6" t="s">
        <v>540</v>
      </c>
      <c r="B187" s="6" t="s">
        <v>623</v>
      </c>
      <c r="C187" s="6" t="s">
        <v>736</v>
      </c>
      <c r="D187" s="6" t="s">
        <v>1280</v>
      </c>
      <c r="E187" s="7" t="s">
        <v>986</v>
      </c>
      <c r="F187" s="5" t="s">
        <v>3</v>
      </c>
      <c r="G187" s="9" t="s">
        <v>4</v>
      </c>
      <c r="H187" s="9" t="s">
        <v>101</v>
      </c>
      <c r="I187" s="9" t="s">
        <v>4</v>
      </c>
      <c r="J187" s="9" t="s">
        <v>19</v>
      </c>
    </row>
    <row r="188" spans="1:10" ht="26.4" x14ac:dyDescent="0.45">
      <c r="A188" s="6" t="s">
        <v>540</v>
      </c>
      <c r="B188" s="6" t="s">
        <v>623</v>
      </c>
      <c r="C188" s="6" t="s">
        <v>736</v>
      </c>
      <c r="D188" s="6" t="s">
        <v>102</v>
      </c>
      <c r="E188" s="7" t="s">
        <v>987</v>
      </c>
      <c r="F188" s="5" t="s">
        <v>3</v>
      </c>
      <c r="G188" s="9" t="s">
        <v>4</v>
      </c>
      <c r="H188" s="9" t="s">
        <v>101</v>
      </c>
      <c r="I188" s="9" t="s">
        <v>4</v>
      </c>
      <c r="J188" s="9" t="s">
        <v>27</v>
      </c>
    </row>
    <row r="189" spans="1:10" ht="26.4" x14ac:dyDescent="0.45">
      <c r="A189" s="6" t="s">
        <v>540</v>
      </c>
      <c r="B189" s="6" t="s">
        <v>623</v>
      </c>
      <c r="C189" s="6" t="s">
        <v>736</v>
      </c>
      <c r="D189" s="6" t="s">
        <v>102</v>
      </c>
      <c r="E189" s="7" t="s">
        <v>511</v>
      </c>
      <c r="F189" s="5" t="s">
        <v>3</v>
      </c>
      <c r="G189" s="9" t="s">
        <v>4</v>
      </c>
      <c r="H189" s="9" t="s">
        <v>101</v>
      </c>
      <c r="I189" s="9" t="s">
        <v>4</v>
      </c>
      <c r="J189" s="9" t="s">
        <v>89</v>
      </c>
    </row>
    <row r="190" spans="1:10" ht="13.2" x14ac:dyDescent="0.45">
      <c r="A190" s="6" t="s">
        <v>604</v>
      </c>
      <c r="B190" s="6" t="s">
        <v>704</v>
      </c>
      <c r="C190" s="6" t="s">
        <v>935</v>
      </c>
      <c r="D190" s="6" t="s">
        <v>1427</v>
      </c>
      <c r="E190" s="7" t="s">
        <v>1246</v>
      </c>
      <c r="F190" s="5" t="s">
        <v>3</v>
      </c>
      <c r="G190" s="9" t="s">
        <v>4</v>
      </c>
      <c r="H190" s="9" t="s">
        <v>101</v>
      </c>
      <c r="I190" s="9" t="s">
        <v>4</v>
      </c>
      <c r="J190" s="9" t="s">
        <v>90</v>
      </c>
    </row>
    <row r="191" spans="1:10" ht="13.2" x14ac:dyDescent="0.45">
      <c r="A191" s="6" t="s">
        <v>595</v>
      </c>
      <c r="B191" s="6" t="s">
        <v>694</v>
      </c>
      <c r="C191" s="6" t="s">
        <v>924</v>
      </c>
      <c r="D191" s="6" t="s">
        <v>1422</v>
      </c>
      <c r="E191" s="7" t="s">
        <v>1232</v>
      </c>
      <c r="F191" s="5" t="s">
        <v>3</v>
      </c>
      <c r="G191" s="9" t="s">
        <v>4</v>
      </c>
      <c r="H191" s="9" t="s">
        <v>101</v>
      </c>
      <c r="I191" s="9" t="s">
        <v>4</v>
      </c>
      <c r="J191" s="9" t="s">
        <v>91</v>
      </c>
    </row>
    <row r="192" spans="1:10" ht="26.4" x14ac:dyDescent="0.45">
      <c r="A192" s="6" t="s">
        <v>550</v>
      </c>
      <c r="B192" s="6" t="s">
        <v>643</v>
      </c>
      <c r="C192" s="6" t="s">
        <v>786</v>
      </c>
      <c r="D192" s="6" t="s">
        <v>481</v>
      </c>
      <c r="E192" s="7" t="s">
        <v>1046</v>
      </c>
      <c r="F192" s="5" t="s">
        <v>3</v>
      </c>
      <c r="G192" s="9" t="s">
        <v>4</v>
      </c>
      <c r="H192" s="9" t="s">
        <v>203</v>
      </c>
      <c r="I192" s="9" t="s">
        <v>4</v>
      </c>
      <c r="J192" s="9" t="s">
        <v>202</v>
      </c>
    </row>
    <row r="193" spans="1:10" ht="13.2" x14ac:dyDescent="0.45">
      <c r="A193" s="6" t="s">
        <v>550</v>
      </c>
      <c r="B193" s="6" t="s">
        <v>643</v>
      </c>
      <c r="C193" s="6" t="s">
        <v>787</v>
      </c>
      <c r="D193" s="6" t="s">
        <v>1313</v>
      </c>
      <c r="E193" s="7" t="s">
        <v>1047</v>
      </c>
      <c r="F193" s="5" t="s">
        <v>3</v>
      </c>
      <c r="G193" s="9" t="s">
        <v>4</v>
      </c>
      <c r="H193" s="9" t="s">
        <v>203</v>
      </c>
      <c r="I193" s="9" t="s">
        <v>4</v>
      </c>
      <c r="J193" s="9" t="s">
        <v>206</v>
      </c>
    </row>
    <row r="194" spans="1:10" ht="26.4" x14ac:dyDescent="0.45">
      <c r="A194" s="6" t="s">
        <v>550</v>
      </c>
      <c r="B194" s="6" t="s">
        <v>643</v>
      </c>
      <c r="C194" s="6" t="s">
        <v>786</v>
      </c>
      <c r="D194" s="6" t="s">
        <v>1314</v>
      </c>
      <c r="E194" s="7" t="s">
        <v>1048</v>
      </c>
      <c r="F194" s="5" t="s">
        <v>3</v>
      </c>
      <c r="G194" s="9" t="s">
        <v>4</v>
      </c>
      <c r="H194" s="9" t="s">
        <v>203</v>
      </c>
      <c r="I194" s="9" t="s">
        <v>4</v>
      </c>
      <c r="J194" s="9" t="s">
        <v>207</v>
      </c>
    </row>
    <row r="195" spans="1:10" ht="105.6" x14ac:dyDescent="0.45">
      <c r="A195" s="6" t="s">
        <v>550</v>
      </c>
      <c r="B195" s="6" t="s">
        <v>643</v>
      </c>
      <c r="C195" s="6" t="s">
        <v>786</v>
      </c>
      <c r="D195" s="6" t="s">
        <v>1315</v>
      </c>
      <c r="E195" s="7" t="s">
        <v>1049</v>
      </c>
      <c r="F195" s="5" t="s">
        <v>3</v>
      </c>
      <c r="G195" s="9" t="s">
        <v>4</v>
      </c>
      <c r="H195" s="9" t="s">
        <v>203</v>
      </c>
      <c r="I195" s="9" t="s">
        <v>4</v>
      </c>
      <c r="J195" s="9" t="s">
        <v>208</v>
      </c>
    </row>
    <row r="196" spans="1:10" ht="26.4" x14ac:dyDescent="0.45">
      <c r="A196" s="6" t="s">
        <v>550</v>
      </c>
      <c r="B196" s="6" t="s">
        <v>643</v>
      </c>
      <c r="C196" s="6" t="s">
        <v>786</v>
      </c>
      <c r="D196" s="6" t="s">
        <v>1314</v>
      </c>
      <c r="E196" s="7" t="s">
        <v>1050</v>
      </c>
      <c r="F196" s="5" t="s">
        <v>3</v>
      </c>
      <c r="G196" s="9" t="s">
        <v>4</v>
      </c>
      <c r="H196" s="9" t="s">
        <v>203</v>
      </c>
      <c r="I196" s="9" t="s">
        <v>4</v>
      </c>
      <c r="J196" s="9" t="s">
        <v>209</v>
      </c>
    </row>
    <row r="197" spans="1:10" ht="105.6" x14ac:dyDescent="0.45">
      <c r="A197" s="6" t="s">
        <v>550</v>
      </c>
      <c r="B197" s="6" t="s">
        <v>643</v>
      </c>
      <c r="C197" s="6" t="s">
        <v>786</v>
      </c>
      <c r="D197" s="6" t="s">
        <v>482</v>
      </c>
      <c r="E197" s="7" t="s">
        <v>1051</v>
      </c>
      <c r="F197" s="5" t="s">
        <v>3</v>
      </c>
      <c r="G197" s="9" t="s">
        <v>4</v>
      </c>
      <c r="H197" s="9" t="s">
        <v>203</v>
      </c>
      <c r="I197" s="9" t="s">
        <v>4</v>
      </c>
      <c r="J197" s="9" t="s">
        <v>210</v>
      </c>
    </row>
    <row r="198" spans="1:10" ht="26.4" x14ac:dyDescent="0.45">
      <c r="A198" s="6" t="s">
        <v>551</v>
      </c>
      <c r="B198" s="6" t="s">
        <v>644</v>
      </c>
      <c r="C198" s="6" t="s">
        <v>786</v>
      </c>
      <c r="D198" s="6" t="s">
        <v>1314</v>
      </c>
      <c r="E198" s="7" t="s">
        <v>1052</v>
      </c>
      <c r="F198" s="5" t="s">
        <v>3</v>
      </c>
      <c r="G198" s="9" t="s">
        <v>4</v>
      </c>
      <c r="H198" s="9" t="s">
        <v>203</v>
      </c>
      <c r="I198" s="9" t="s">
        <v>4</v>
      </c>
      <c r="J198" s="9" t="s">
        <v>211</v>
      </c>
    </row>
    <row r="199" spans="1:10" ht="26.4" x14ac:dyDescent="0.45">
      <c r="A199" s="6" t="s">
        <v>551</v>
      </c>
      <c r="B199" s="6" t="s">
        <v>644</v>
      </c>
      <c r="C199" s="6" t="s">
        <v>786</v>
      </c>
      <c r="D199" s="6" t="s">
        <v>1314</v>
      </c>
      <c r="E199" s="7" t="s">
        <v>391</v>
      </c>
      <c r="F199" s="5" t="s">
        <v>3</v>
      </c>
      <c r="G199" s="9" t="s">
        <v>4</v>
      </c>
      <c r="H199" s="9" t="s">
        <v>203</v>
      </c>
      <c r="I199" s="9" t="s">
        <v>4</v>
      </c>
      <c r="J199" s="9" t="s">
        <v>212</v>
      </c>
    </row>
    <row r="200" spans="1:10" ht="26.4" x14ac:dyDescent="0.45">
      <c r="A200" s="6" t="s">
        <v>583</v>
      </c>
      <c r="B200" s="6" t="s">
        <v>683</v>
      </c>
      <c r="C200" s="6" t="s">
        <v>912</v>
      </c>
      <c r="D200" s="6" t="s">
        <v>1413</v>
      </c>
      <c r="E200" s="7" t="s">
        <v>1220</v>
      </c>
      <c r="F200" s="5" t="s">
        <v>3</v>
      </c>
      <c r="G200" s="9" t="s">
        <v>4</v>
      </c>
      <c r="H200" s="9" t="s">
        <v>203</v>
      </c>
      <c r="I200" s="9" t="s">
        <v>4</v>
      </c>
      <c r="J200" s="9" t="s">
        <v>479</v>
      </c>
    </row>
    <row r="201" spans="1:10" ht="13.2" x14ac:dyDescent="0.45">
      <c r="A201" s="6" t="s">
        <v>532</v>
      </c>
      <c r="B201" s="6" t="s">
        <v>622</v>
      </c>
      <c r="C201" s="6" t="s">
        <v>729</v>
      </c>
      <c r="D201" s="6" t="s">
        <v>729</v>
      </c>
      <c r="E201" s="7" t="s">
        <v>977</v>
      </c>
      <c r="F201" s="5" t="s">
        <v>3</v>
      </c>
      <c r="G201" s="9" t="s">
        <v>4</v>
      </c>
      <c r="H201" s="9" t="s">
        <v>80</v>
      </c>
      <c r="I201" s="9" t="s">
        <v>4</v>
      </c>
      <c r="J201" s="9" t="s">
        <v>81</v>
      </c>
    </row>
    <row r="202" spans="1:10" ht="13.2" x14ac:dyDescent="0.45">
      <c r="A202" s="6" t="s">
        <v>551</v>
      </c>
      <c r="B202" s="6" t="s">
        <v>644</v>
      </c>
      <c r="C202" s="6" t="s">
        <v>786</v>
      </c>
      <c r="D202" s="6" t="s">
        <v>1318</v>
      </c>
      <c r="E202" s="7" t="s">
        <v>1060</v>
      </c>
      <c r="F202" s="5" t="s">
        <v>3</v>
      </c>
      <c r="G202" s="9" t="s">
        <v>4</v>
      </c>
      <c r="H202" s="9" t="s">
        <v>220</v>
      </c>
      <c r="I202" s="9" t="s">
        <v>4</v>
      </c>
      <c r="J202" s="9" t="s">
        <v>202</v>
      </c>
    </row>
    <row r="203" spans="1:10" ht="13.2" x14ac:dyDescent="0.45">
      <c r="A203" s="6" t="s">
        <v>551</v>
      </c>
      <c r="B203" s="6" t="s">
        <v>644</v>
      </c>
      <c r="C203" s="6" t="s">
        <v>786</v>
      </c>
      <c r="D203" s="6" t="s">
        <v>1318</v>
      </c>
      <c r="E203" s="7" t="s">
        <v>1061</v>
      </c>
      <c r="F203" s="5" t="s">
        <v>3</v>
      </c>
      <c r="G203" s="9" t="s">
        <v>4</v>
      </c>
      <c r="H203" s="9" t="s">
        <v>220</v>
      </c>
      <c r="I203" s="9" t="s">
        <v>4</v>
      </c>
      <c r="J203" s="9" t="s">
        <v>204</v>
      </c>
    </row>
    <row r="204" spans="1:10" ht="13.2" x14ac:dyDescent="0.45">
      <c r="A204" s="6" t="s">
        <v>551</v>
      </c>
      <c r="B204" s="6" t="s">
        <v>644</v>
      </c>
      <c r="C204" s="6" t="s">
        <v>786</v>
      </c>
      <c r="D204" s="6" t="s">
        <v>1318</v>
      </c>
      <c r="E204" s="7" t="s">
        <v>1062</v>
      </c>
      <c r="F204" s="5" t="s">
        <v>3</v>
      </c>
      <c r="G204" s="9" t="s">
        <v>4</v>
      </c>
      <c r="H204" s="9" t="s">
        <v>220</v>
      </c>
      <c r="I204" s="9" t="s">
        <v>4</v>
      </c>
      <c r="J204" s="9" t="s">
        <v>205</v>
      </c>
    </row>
    <row r="205" spans="1:10" ht="13.2" x14ac:dyDescent="0.45">
      <c r="A205" s="6" t="s">
        <v>566</v>
      </c>
      <c r="B205" s="6" t="s">
        <v>623</v>
      </c>
      <c r="C205" s="6" t="s">
        <v>786</v>
      </c>
      <c r="D205" s="6" t="s">
        <v>1393</v>
      </c>
      <c r="E205" s="7" t="s">
        <v>1186</v>
      </c>
      <c r="F205" s="5" t="s">
        <v>3</v>
      </c>
      <c r="G205" s="9" t="s">
        <v>4</v>
      </c>
      <c r="H205" s="9" t="s">
        <v>213</v>
      </c>
      <c r="I205" s="9" t="s">
        <v>4</v>
      </c>
      <c r="J205" s="9" t="s">
        <v>202</v>
      </c>
    </row>
    <row r="206" spans="1:10" ht="13.2" x14ac:dyDescent="0.45">
      <c r="A206" s="6" t="s">
        <v>566</v>
      </c>
      <c r="B206" s="6" t="s">
        <v>623</v>
      </c>
      <c r="C206" s="6" t="s">
        <v>786</v>
      </c>
      <c r="D206" s="6" t="s">
        <v>1393</v>
      </c>
      <c r="E206" s="7" t="s">
        <v>1187</v>
      </c>
      <c r="F206" s="5" t="s">
        <v>3</v>
      </c>
      <c r="G206" s="9" t="s">
        <v>4</v>
      </c>
      <c r="H206" s="9" t="s">
        <v>213</v>
      </c>
      <c r="I206" s="9" t="s">
        <v>4</v>
      </c>
      <c r="J206" s="9" t="s">
        <v>204</v>
      </c>
    </row>
    <row r="207" spans="1:10" ht="13.2" x14ac:dyDescent="0.45">
      <c r="A207" s="6" t="s">
        <v>550</v>
      </c>
      <c r="B207" s="6" t="s">
        <v>643</v>
      </c>
      <c r="C207" s="6" t="s">
        <v>786</v>
      </c>
      <c r="D207" s="6" t="s">
        <v>1316</v>
      </c>
      <c r="E207" s="7" t="s">
        <v>1053</v>
      </c>
      <c r="F207" s="5" t="s">
        <v>3</v>
      </c>
      <c r="G207" s="9" t="s">
        <v>4</v>
      </c>
      <c r="H207" s="9" t="s">
        <v>213</v>
      </c>
      <c r="I207" s="9" t="s">
        <v>4</v>
      </c>
      <c r="J207" s="9" t="s">
        <v>205</v>
      </c>
    </row>
    <row r="208" spans="1:10" ht="13.2" x14ac:dyDescent="0.45">
      <c r="A208" s="6" t="s">
        <v>550</v>
      </c>
      <c r="B208" s="6" t="s">
        <v>643</v>
      </c>
      <c r="C208" s="6" t="s">
        <v>786</v>
      </c>
      <c r="D208" s="6" t="s">
        <v>1312</v>
      </c>
      <c r="E208" s="7" t="s">
        <v>1045</v>
      </c>
      <c r="F208" s="5" t="s">
        <v>3</v>
      </c>
      <c r="G208" s="9" t="s">
        <v>4</v>
      </c>
      <c r="H208" s="9" t="s">
        <v>201</v>
      </c>
      <c r="I208" s="9" t="s">
        <v>4</v>
      </c>
      <c r="J208" s="9" t="s">
        <v>202</v>
      </c>
    </row>
    <row r="209" spans="1:10" ht="26.4" x14ac:dyDescent="0.45">
      <c r="A209" s="6" t="s">
        <v>532</v>
      </c>
      <c r="B209" s="6" t="s">
        <v>622</v>
      </c>
      <c r="C209" s="6" t="s">
        <v>732</v>
      </c>
      <c r="D209" s="6" t="s">
        <v>1275</v>
      </c>
      <c r="E209" s="7" t="s">
        <v>1109</v>
      </c>
      <c r="F209" s="5" t="s">
        <v>3</v>
      </c>
      <c r="G209" s="9" t="s">
        <v>4</v>
      </c>
      <c r="H209" s="9" t="s">
        <v>88</v>
      </c>
      <c r="I209" s="9" t="s">
        <v>4</v>
      </c>
      <c r="J209" s="9" t="s">
        <v>19</v>
      </c>
    </row>
    <row r="210" spans="1:10" ht="26.4" x14ac:dyDescent="0.45">
      <c r="A210" s="6" t="s">
        <v>532</v>
      </c>
      <c r="B210" s="6" t="s">
        <v>622</v>
      </c>
      <c r="C210" s="6" t="s">
        <v>732</v>
      </c>
      <c r="D210" s="6" t="s">
        <v>1275</v>
      </c>
      <c r="E210" s="7" t="s">
        <v>979</v>
      </c>
      <c r="F210" s="5" t="s">
        <v>3</v>
      </c>
      <c r="G210" s="9" t="s">
        <v>4</v>
      </c>
      <c r="H210" s="9" t="s">
        <v>88</v>
      </c>
      <c r="I210" s="9" t="s">
        <v>4</v>
      </c>
      <c r="J210" s="9" t="s">
        <v>27</v>
      </c>
    </row>
    <row r="211" spans="1:10" ht="26.4" x14ac:dyDescent="0.45">
      <c r="A211" s="6" t="s">
        <v>532</v>
      </c>
      <c r="B211" s="6" t="s">
        <v>622</v>
      </c>
      <c r="C211" s="6" t="s">
        <v>732</v>
      </c>
      <c r="D211" s="6" t="s">
        <v>1275</v>
      </c>
      <c r="E211" s="7" t="s">
        <v>980</v>
      </c>
      <c r="F211" s="5" t="s">
        <v>3</v>
      </c>
      <c r="G211" s="9" t="s">
        <v>4</v>
      </c>
      <c r="H211" s="9" t="s">
        <v>88</v>
      </c>
      <c r="I211" s="9" t="s">
        <v>4</v>
      </c>
      <c r="J211" s="9" t="s">
        <v>89</v>
      </c>
    </row>
    <row r="212" spans="1:10" ht="39.6" x14ac:dyDescent="0.45">
      <c r="A212" s="6" t="s">
        <v>532</v>
      </c>
      <c r="B212" s="6" t="s">
        <v>622</v>
      </c>
      <c r="C212" s="6" t="s">
        <v>732</v>
      </c>
      <c r="D212" s="6" t="s">
        <v>1276</v>
      </c>
      <c r="E212" s="7" t="s">
        <v>981</v>
      </c>
      <c r="F212" s="5" t="s">
        <v>3</v>
      </c>
      <c r="G212" s="9" t="s">
        <v>4</v>
      </c>
      <c r="H212" s="9" t="s">
        <v>88</v>
      </c>
      <c r="I212" s="9" t="s">
        <v>4</v>
      </c>
      <c r="J212" s="9" t="s">
        <v>90</v>
      </c>
    </row>
    <row r="213" spans="1:10" ht="39.6" x14ac:dyDescent="0.45">
      <c r="A213" s="6" t="s">
        <v>532</v>
      </c>
      <c r="B213" s="6" t="s">
        <v>622</v>
      </c>
      <c r="C213" s="6" t="s">
        <v>732</v>
      </c>
      <c r="D213" s="6" t="s">
        <v>1277</v>
      </c>
      <c r="E213" s="7" t="s">
        <v>982</v>
      </c>
      <c r="F213" s="5" t="s">
        <v>3</v>
      </c>
      <c r="G213" s="9" t="s">
        <v>4</v>
      </c>
      <c r="H213" s="9" t="s">
        <v>88</v>
      </c>
      <c r="I213" s="9" t="s">
        <v>4</v>
      </c>
      <c r="J213" s="9" t="s">
        <v>91</v>
      </c>
    </row>
    <row r="214" spans="1:10" ht="13.2" x14ac:dyDescent="0.45">
      <c r="A214" s="6" t="s">
        <v>532</v>
      </c>
      <c r="B214" s="6" t="s">
        <v>622</v>
      </c>
      <c r="C214" s="6" t="s">
        <v>733</v>
      </c>
      <c r="D214" s="6" t="s">
        <v>1275</v>
      </c>
      <c r="E214" s="7" t="s">
        <v>378</v>
      </c>
      <c r="F214" s="5" t="s">
        <v>3</v>
      </c>
      <c r="G214" s="9" t="s">
        <v>4</v>
      </c>
      <c r="H214" s="9" t="s">
        <v>88</v>
      </c>
      <c r="I214" s="9" t="s">
        <v>4</v>
      </c>
      <c r="J214" s="9" t="s">
        <v>92</v>
      </c>
    </row>
    <row r="215" spans="1:10" ht="13.2" x14ac:dyDescent="0.45">
      <c r="A215" s="6" t="s">
        <v>532</v>
      </c>
      <c r="B215" s="6" t="s">
        <v>622</v>
      </c>
      <c r="C215" s="6" t="s">
        <v>734</v>
      </c>
      <c r="D215" s="6" t="s">
        <v>1275</v>
      </c>
      <c r="E215" s="7" t="s">
        <v>983</v>
      </c>
      <c r="F215" s="5" t="s">
        <v>3</v>
      </c>
      <c r="G215" s="9" t="s">
        <v>4</v>
      </c>
      <c r="H215" s="9" t="s">
        <v>88</v>
      </c>
      <c r="I215" s="9" t="s">
        <v>4</v>
      </c>
      <c r="J215" s="9" t="s">
        <v>93</v>
      </c>
    </row>
    <row r="216" spans="1:10" ht="13.2" x14ac:dyDescent="0.45">
      <c r="A216" s="6" t="s">
        <v>532</v>
      </c>
      <c r="B216" s="6" t="s">
        <v>622</v>
      </c>
      <c r="C216" s="6" t="s">
        <v>733</v>
      </c>
      <c r="D216" s="6" t="s">
        <v>1275</v>
      </c>
      <c r="E216" s="7" t="s">
        <v>379</v>
      </c>
      <c r="F216" s="5" t="s">
        <v>3</v>
      </c>
      <c r="G216" s="9" t="s">
        <v>4</v>
      </c>
      <c r="H216" s="9" t="s">
        <v>88</v>
      </c>
      <c r="I216" s="9" t="s">
        <v>4</v>
      </c>
      <c r="J216" s="9" t="s">
        <v>94</v>
      </c>
    </row>
    <row r="217" spans="1:10" ht="13.2" x14ac:dyDescent="0.45">
      <c r="A217" s="6" t="s">
        <v>532</v>
      </c>
      <c r="B217" s="6" t="s">
        <v>622</v>
      </c>
      <c r="C217" s="6" t="s">
        <v>734</v>
      </c>
      <c r="D217" s="6" t="s">
        <v>1275</v>
      </c>
      <c r="E217" s="7" t="s">
        <v>984</v>
      </c>
      <c r="F217" s="5" t="s">
        <v>3</v>
      </c>
      <c r="G217" s="9" t="s">
        <v>4</v>
      </c>
      <c r="H217" s="9" t="s">
        <v>88</v>
      </c>
      <c r="I217" s="9" t="s">
        <v>4</v>
      </c>
      <c r="J217" s="9" t="s">
        <v>95</v>
      </c>
    </row>
    <row r="218" spans="1:10" ht="105.6" x14ac:dyDescent="0.45">
      <c r="A218" s="6" t="s">
        <v>532</v>
      </c>
      <c r="B218" s="6" t="s">
        <v>622</v>
      </c>
      <c r="C218" s="6" t="s">
        <v>733</v>
      </c>
      <c r="D218" s="6" t="s">
        <v>1278</v>
      </c>
      <c r="E218" s="7" t="s">
        <v>380</v>
      </c>
      <c r="F218" s="5" t="s">
        <v>3</v>
      </c>
      <c r="G218" s="9" t="s">
        <v>4</v>
      </c>
      <c r="H218" s="9" t="s">
        <v>88</v>
      </c>
      <c r="I218" s="9" t="s">
        <v>4</v>
      </c>
      <c r="J218" s="9" t="s">
        <v>96</v>
      </c>
    </row>
    <row r="219" spans="1:10" ht="13.2" x14ac:dyDescent="0.45">
      <c r="A219" s="6" t="s">
        <v>532</v>
      </c>
      <c r="B219" s="6" t="s">
        <v>622</v>
      </c>
      <c r="C219" s="6" t="s">
        <v>734</v>
      </c>
      <c r="D219" s="6" t="s">
        <v>1275</v>
      </c>
      <c r="E219" s="7" t="s">
        <v>381</v>
      </c>
      <c r="F219" s="5" t="s">
        <v>3</v>
      </c>
      <c r="G219" s="9" t="s">
        <v>4</v>
      </c>
      <c r="H219" s="9" t="s">
        <v>88</v>
      </c>
      <c r="I219" s="9" t="s">
        <v>4</v>
      </c>
      <c r="J219" s="9" t="s">
        <v>97</v>
      </c>
    </row>
    <row r="220" spans="1:10" ht="26.4" x14ac:dyDescent="0.45">
      <c r="A220" s="6" t="s">
        <v>532</v>
      </c>
      <c r="B220" s="6" t="s">
        <v>622</v>
      </c>
      <c r="C220" s="6" t="s">
        <v>734</v>
      </c>
      <c r="D220" s="6" t="s">
        <v>1279</v>
      </c>
      <c r="E220" s="7" t="s">
        <v>985</v>
      </c>
      <c r="F220" s="5" t="s">
        <v>3</v>
      </c>
      <c r="G220" s="9" t="s">
        <v>4</v>
      </c>
      <c r="H220" s="9" t="s">
        <v>88</v>
      </c>
      <c r="I220" s="9" t="s">
        <v>4</v>
      </c>
      <c r="J220" s="9" t="s">
        <v>98</v>
      </c>
    </row>
    <row r="221" spans="1:10" ht="13.2" x14ac:dyDescent="0.45">
      <c r="A221" s="6" t="s">
        <v>596</v>
      </c>
      <c r="B221" s="6" t="s">
        <v>695</v>
      </c>
      <c r="C221" s="6" t="s">
        <v>925</v>
      </c>
      <c r="D221" s="6" t="s">
        <v>925</v>
      </c>
      <c r="E221" s="7" t="s">
        <v>1233</v>
      </c>
      <c r="F221" s="5" t="s">
        <v>3</v>
      </c>
      <c r="G221" s="9" t="s">
        <v>4</v>
      </c>
      <c r="H221" s="9" t="s">
        <v>504</v>
      </c>
      <c r="I221" s="9" t="s">
        <v>4</v>
      </c>
      <c r="J221" s="9" t="s">
        <v>19</v>
      </c>
    </row>
    <row r="222" spans="1:10" ht="13.2" x14ac:dyDescent="0.45">
      <c r="A222" s="6" t="s">
        <v>532</v>
      </c>
      <c r="B222" s="6" t="s">
        <v>622</v>
      </c>
      <c r="C222" s="6" t="s">
        <v>839</v>
      </c>
      <c r="D222" s="6" t="s">
        <v>839</v>
      </c>
      <c r="E222" s="7" t="s">
        <v>1108</v>
      </c>
      <c r="F222" s="5" t="s">
        <v>3</v>
      </c>
      <c r="G222" s="9" t="s">
        <v>4</v>
      </c>
      <c r="H222" s="9" t="s">
        <v>312</v>
      </c>
      <c r="I222" s="9" t="s">
        <v>4</v>
      </c>
      <c r="J222" s="9" t="s">
        <v>19</v>
      </c>
    </row>
    <row r="223" spans="1:10" ht="26.4" x14ac:dyDescent="0.45">
      <c r="A223" s="6" t="s">
        <v>550</v>
      </c>
      <c r="B223" s="6" t="s">
        <v>643</v>
      </c>
      <c r="C223" s="6" t="s">
        <v>838</v>
      </c>
      <c r="D223" s="6" t="s">
        <v>838</v>
      </c>
      <c r="E223" s="7" t="s">
        <v>1107</v>
      </c>
      <c r="F223" s="5" t="s">
        <v>3</v>
      </c>
      <c r="G223" s="9" t="s">
        <v>4</v>
      </c>
      <c r="H223" s="9" t="s">
        <v>216</v>
      </c>
      <c r="I223" s="9" t="s">
        <v>4</v>
      </c>
      <c r="J223" s="9" t="s">
        <v>19</v>
      </c>
    </row>
    <row r="224" spans="1:10" ht="26.4" x14ac:dyDescent="0.45">
      <c r="A224" s="6" t="s">
        <v>550</v>
      </c>
      <c r="B224" s="6" t="s">
        <v>643</v>
      </c>
      <c r="C224" s="6" t="s">
        <v>789</v>
      </c>
      <c r="D224" s="6" t="s">
        <v>789</v>
      </c>
      <c r="E224" s="7" t="s">
        <v>1054</v>
      </c>
      <c r="F224" s="5" t="s">
        <v>3</v>
      </c>
      <c r="G224" s="9" t="s">
        <v>4</v>
      </c>
      <c r="H224" s="9" t="s">
        <v>216</v>
      </c>
      <c r="I224" s="9" t="s">
        <v>4</v>
      </c>
      <c r="J224" s="9" t="s">
        <v>27</v>
      </c>
    </row>
    <row r="225" spans="1:10" ht="13.2" x14ac:dyDescent="0.45">
      <c r="A225" s="6" t="s">
        <v>551</v>
      </c>
      <c r="B225" s="6" t="s">
        <v>644</v>
      </c>
      <c r="C225" s="6" t="s">
        <v>794</v>
      </c>
      <c r="D225" s="6" t="s">
        <v>794</v>
      </c>
      <c r="E225" s="7" t="s">
        <v>1106</v>
      </c>
      <c r="F225" s="5" t="s">
        <v>3</v>
      </c>
      <c r="G225" s="9" t="s">
        <v>4</v>
      </c>
      <c r="H225" s="9" t="s">
        <v>223</v>
      </c>
      <c r="I225" s="9" t="s">
        <v>4</v>
      </c>
      <c r="J225" s="9" t="s">
        <v>19</v>
      </c>
    </row>
    <row r="226" spans="1:10" ht="13.2" x14ac:dyDescent="0.45">
      <c r="A226" s="6" t="s">
        <v>551</v>
      </c>
      <c r="B226" s="6" t="s">
        <v>644</v>
      </c>
      <c r="C226" s="6" t="s">
        <v>794</v>
      </c>
      <c r="D226" s="6" t="s">
        <v>794</v>
      </c>
      <c r="E226" s="7" t="s">
        <v>1064</v>
      </c>
      <c r="F226" s="5" t="s">
        <v>3</v>
      </c>
      <c r="G226" s="9" t="s">
        <v>4</v>
      </c>
      <c r="H226" s="9" t="s">
        <v>223</v>
      </c>
      <c r="I226" s="9" t="s">
        <v>4</v>
      </c>
      <c r="J226" s="9" t="s">
        <v>27</v>
      </c>
    </row>
    <row r="227" spans="1:10" ht="13.2" x14ac:dyDescent="0.45">
      <c r="A227" s="6" t="s">
        <v>551</v>
      </c>
      <c r="B227" s="6" t="s">
        <v>644</v>
      </c>
      <c r="C227" s="6" t="s">
        <v>794</v>
      </c>
      <c r="D227" s="6" t="s">
        <v>794</v>
      </c>
      <c r="E227" s="7" t="s">
        <v>1065</v>
      </c>
      <c r="F227" s="5" t="s">
        <v>3</v>
      </c>
      <c r="G227" s="9" t="s">
        <v>4</v>
      </c>
      <c r="H227" s="9" t="s">
        <v>223</v>
      </c>
      <c r="I227" s="9" t="s">
        <v>4</v>
      </c>
      <c r="J227" s="9" t="s">
        <v>89</v>
      </c>
    </row>
    <row r="228" spans="1:10" ht="13.2" x14ac:dyDescent="0.45">
      <c r="A228" s="6" t="s">
        <v>551</v>
      </c>
      <c r="B228" s="6" t="s">
        <v>644</v>
      </c>
      <c r="C228" s="6" t="s">
        <v>794</v>
      </c>
      <c r="D228" s="6" t="s">
        <v>794</v>
      </c>
      <c r="E228" s="7" t="s">
        <v>1066</v>
      </c>
      <c r="F228" s="5" t="s">
        <v>3</v>
      </c>
      <c r="G228" s="9" t="s">
        <v>4</v>
      </c>
      <c r="H228" s="9" t="s">
        <v>223</v>
      </c>
      <c r="I228" s="9" t="s">
        <v>4</v>
      </c>
      <c r="J228" s="9" t="s">
        <v>90</v>
      </c>
    </row>
    <row r="229" spans="1:10" ht="26.4" x14ac:dyDescent="0.45">
      <c r="A229" s="6" t="s">
        <v>551</v>
      </c>
      <c r="B229" s="6" t="s">
        <v>644</v>
      </c>
      <c r="C229" s="6" t="s">
        <v>791</v>
      </c>
      <c r="D229" s="6" t="s">
        <v>791</v>
      </c>
      <c r="E229" s="7" t="s">
        <v>1105</v>
      </c>
      <c r="F229" s="5" t="s">
        <v>3</v>
      </c>
      <c r="G229" s="9" t="s">
        <v>4</v>
      </c>
      <c r="H229" s="9" t="s">
        <v>219</v>
      </c>
      <c r="I229" s="9" t="s">
        <v>4</v>
      </c>
      <c r="J229" s="9" t="s">
        <v>19</v>
      </c>
    </row>
    <row r="230" spans="1:10" ht="26.4" x14ac:dyDescent="0.45">
      <c r="A230" s="6" t="s">
        <v>551</v>
      </c>
      <c r="B230" s="6" t="s">
        <v>644</v>
      </c>
      <c r="C230" s="6" t="s">
        <v>791</v>
      </c>
      <c r="D230" s="6" t="s">
        <v>791</v>
      </c>
      <c r="E230" s="7" t="s">
        <v>1055</v>
      </c>
      <c r="F230" s="5" t="s">
        <v>3</v>
      </c>
      <c r="G230" s="9" t="s">
        <v>4</v>
      </c>
      <c r="H230" s="9" t="s">
        <v>219</v>
      </c>
      <c r="I230" s="9" t="s">
        <v>4</v>
      </c>
      <c r="J230" s="9" t="s">
        <v>27</v>
      </c>
    </row>
    <row r="231" spans="1:10" ht="26.4" x14ac:dyDescent="0.45">
      <c r="A231" s="6" t="s">
        <v>551</v>
      </c>
      <c r="B231" s="6" t="s">
        <v>644</v>
      </c>
      <c r="C231" s="6" t="s">
        <v>791</v>
      </c>
      <c r="D231" s="6" t="s">
        <v>791</v>
      </c>
      <c r="E231" s="7" t="s">
        <v>1057</v>
      </c>
      <c r="F231" s="5" t="s">
        <v>3</v>
      </c>
      <c r="G231" s="9" t="s">
        <v>4</v>
      </c>
      <c r="H231" s="9" t="s">
        <v>219</v>
      </c>
      <c r="I231" s="9" t="s">
        <v>4</v>
      </c>
      <c r="J231" s="9" t="s">
        <v>89</v>
      </c>
    </row>
    <row r="232" spans="1:10" ht="26.4" x14ac:dyDescent="0.45">
      <c r="A232" s="6" t="s">
        <v>551</v>
      </c>
      <c r="B232" s="6" t="s">
        <v>644</v>
      </c>
      <c r="C232" s="6" t="s">
        <v>791</v>
      </c>
      <c r="D232" s="6" t="s">
        <v>791</v>
      </c>
      <c r="E232" s="7" t="s">
        <v>1058</v>
      </c>
      <c r="F232" s="5" t="s">
        <v>3</v>
      </c>
      <c r="G232" s="9" t="s">
        <v>4</v>
      </c>
      <c r="H232" s="9" t="s">
        <v>219</v>
      </c>
      <c r="I232" s="9" t="s">
        <v>4</v>
      </c>
      <c r="J232" s="9" t="s">
        <v>90</v>
      </c>
    </row>
    <row r="233" spans="1:10" ht="26.4" x14ac:dyDescent="0.45">
      <c r="A233" s="6" t="s">
        <v>551</v>
      </c>
      <c r="B233" s="6" t="s">
        <v>644</v>
      </c>
      <c r="C233" s="6" t="s">
        <v>791</v>
      </c>
      <c r="D233" s="6" t="s">
        <v>791</v>
      </c>
      <c r="E233" s="7" t="s">
        <v>1059</v>
      </c>
      <c r="F233" s="5" t="s">
        <v>3</v>
      </c>
      <c r="G233" s="9" t="s">
        <v>4</v>
      </c>
      <c r="H233" s="9" t="s">
        <v>219</v>
      </c>
      <c r="I233" s="9" t="s">
        <v>4</v>
      </c>
      <c r="J233" s="9" t="s">
        <v>91</v>
      </c>
    </row>
    <row r="234" spans="1:10" ht="26.4" x14ac:dyDescent="0.45">
      <c r="A234" s="6" t="s">
        <v>551</v>
      </c>
      <c r="B234" s="6" t="s">
        <v>644</v>
      </c>
      <c r="C234" s="6" t="s">
        <v>792</v>
      </c>
      <c r="D234" s="6" t="s">
        <v>1317</v>
      </c>
      <c r="E234" s="7" t="s">
        <v>1056</v>
      </c>
      <c r="F234" s="5" t="s">
        <v>3</v>
      </c>
      <c r="G234" s="9" t="s">
        <v>4</v>
      </c>
      <c r="H234" s="9" t="s">
        <v>219</v>
      </c>
      <c r="I234" s="9" t="s">
        <v>4</v>
      </c>
      <c r="J234" s="9" t="s">
        <v>92</v>
      </c>
    </row>
    <row r="235" spans="1:10" ht="13.2" x14ac:dyDescent="0.45">
      <c r="A235" s="6" t="s">
        <v>560</v>
      </c>
      <c r="B235" s="6" t="s">
        <v>656</v>
      </c>
      <c r="C235" s="6" t="s">
        <v>860</v>
      </c>
      <c r="D235" s="6" t="s">
        <v>860</v>
      </c>
      <c r="E235" s="7" t="s">
        <v>465</v>
      </c>
      <c r="F235" s="5" t="s">
        <v>3</v>
      </c>
      <c r="G235" s="9" t="s">
        <v>4</v>
      </c>
      <c r="H235" s="9" t="s">
        <v>330</v>
      </c>
      <c r="I235" s="9" t="s">
        <v>4</v>
      </c>
      <c r="J235" s="9" t="s">
        <v>22</v>
      </c>
    </row>
    <row r="236" spans="1:10" ht="13.2" x14ac:dyDescent="0.45">
      <c r="A236" s="6" t="s">
        <v>560</v>
      </c>
      <c r="B236" s="6" t="s">
        <v>656</v>
      </c>
      <c r="C236" s="6" t="s">
        <v>860</v>
      </c>
      <c r="D236" s="6" t="s">
        <v>860</v>
      </c>
      <c r="E236" s="7" t="s">
        <v>466</v>
      </c>
      <c r="F236" s="5" t="s">
        <v>3</v>
      </c>
      <c r="G236" s="9" t="s">
        <v>4</v>
      </c>
      <c r="H236" s="9" t="s">
        <v>330</v>
      </c>
      <c r="I236" s="9" t="s">
        <v>4</v>
      </c>
      <c r="J236" s="9" t="s">
        <v>331</v>
      </c>
    </row>
    <row r="237" spans="1:10" ht="13.2" x14ac:dyDescent="0.45">
      <c r="A237" s="6" t="s">
        <v>538</v>
      </c>
      <c r="B237" s="6" t="s">
        <v>617</v>
      </c>
      <c r="C237" s="6" t="s">
        <v>722</v>
      </c>
      <c r="D237" s="6" t="s">
        <v>1266</v>
      </c>
      <c r="E237" s="7" t="s">
        <v>956</v>
      </c>
      <c r="F237" s="5" t="s">
        <v>3</v>
      </c>
      <c r="G237" s="9" t="s">
        <v>4</v>
      </c>
      <c r="H237" s="9" t="s">
        <v>51</v>
      </c>
      <c r="I237" s="9" t="s">
        <v>4</v>
      </c>
      <c r="J237" s="9" t="s">
        <v>52</v>
      </c>
    </row>
    <row r="238" spans="1:10" ht="13.2" x14ac:dyDescent="0.45">
      <c r="A238" s="6" t="s">
        <v>538</v>
      </c>
      <c r="B238" s="6" t="s">
        <v>617</v>
      </c>
      <c r="C238" s="6" t="s">
        <v>722</v>
      </c>
      <c r="D238" s="6" t="s">
        <v>1266</v>
      </c>
      <c r="E238" s="7" t="s">
        <v>957</v>
      </c>
      <c r="F238" s="5" t="s">
        <v>3</v>
      </c>
      <c r="G238" s="9" t="s">
        <v>4</v>
      </c>
      <c r="H238" s="9" t="s">
        <v>51</v>
      </c>
      <c r="I238" s="9" t="s">
        <v>4</v>
      </c>
      <c r="J238" s="9" t="s">
        <v>54</v>
      </c>
    </row>
    <row r="239" spans="1:10" ht="13.2" x14ac:dyDescent="0.45">
      <c r="A239" s="6" t="s">
        <v>538</v>
      </c>
      <c r="B239" s="6" t="s">
        <v>617</v>
      </c>
      <c r="C239" s="6" t="s">
        <v>722</v>
      </c>
      <c r="D239" s="6" t="s">
        <v>1266</v>
      </c>
      <c r="E239" s="7" t="s">
        <v>958</v>
      </c>
      <c r="F239" s="5" t="s">
        <v>3</v>
      </c>
      <c r="G239" s="9" t="s">
        <v>4</v>
      </c>
      <c r="H239" s="9" t="s">
        <v>51</v>
      </c>
      <c r="I239" s="9" t="s">
        <v>4</v>
      </c>
      <c r="J239" s="9" t="s">
        <v>55</v>
      </c>
    </row>
    <row r="240" spans="1:10" ht="13.2" x14ac:dyDescent="0.45">
      <c r="A240" s="6" t="s">
        <v>538</v>
      </c>
      <c r="B240" s="6" t="s">
        <v>617</v>
      </c>
      <c r="C240" s="6" t="s">
        <v>722</v>
      </c>
      <c r="D240" s="6" t="s">
        <v>1266</v>
      </c>
      <c r="E240" s="7" t="s">
        <v>959</v>
      </c>
      <c r="F240" s="5" t="s">
        <v>3</v>
      </c>
      <c r="G240" s="9" t="s">
        <v>4</v>
      </c>
      <c r="H240" s="9" t="s">
        <v>51</v>
      </c>
      <c r="I240" s="9" t="s">
        <v>4</v>
      </c>
      <c r="J240" s="9" t="s">
        <v>56</v>
      </c>
    </row>
    <row r="241" spans="1:10" ht="13.2" x14ac:dyDescent="0.45">
      <c r="A241" s="6" t="s">
        <v>538</v>
      </c>
      <c r="B241" s="6" t="s">
        <v>617</v>
      </c>
      <c r="C241" s="6" t="s">
        <v>722</v>
      </c>
      <c r="D241" s="6" t="s">
        <v>1266</v>
      </c>
      <c r="E241" s="7" t="s">
        <v>960</v>
      </c>
      <c r="F241" s="5" t="s">
        <v>3</v>
      </c>
      <c r="G241" s="9" t="s">
        <v>4</v>
      </c>
      <c r="H241" s="9" t="s">
        <v>51</v>
      </c>
      <c r="I241" s="9" t="s">
        <v>4</v>
      </c>
      <c r="J241" s="9" t="s">
        <v>45</v>
      </c>
    </row>
    <row r="242" spans="1:10" ht="13.2" x14ac:dyDescent="0.45">
      <c r="A242" s="6" t="s">
        <v>538</v>
      </c>
      <c r="B242" s="6" t="s">
        <v>617</v>
      </c>
      <c r="C242" s="6" t="s">
        <v>722</v>
      </c>
      <c r="D242" s="6" t="s">
        <v>1266</v>
      </c>
      <c r="E242" s="7" t="s">
        <v>961</v>
      </c>
      <c r="F242" s="5" t="s">
        <v>3</v>
      </c>
      <c r="G242" s="9" t="s">
        <v>4</v>
      </c>
      <c r="H242" s="9" t="s">
        <v>51</v>
      </c>
      <c r="I242" s="9" t="s">
        <v>4</v>
      </c>
      <c r="J242" s="9" t="s">
        <v>57</v>
      </c>
    </row>
    <row r="243" spans="1:10" ht="13.2" x14ac:dyDescent="0.45">
      <c r="A243" s="6" t="s">
        <v>538</v>
      </c>
      <c r="B243" s="6" t="s">
        <v>617</v>
      </c>
      <c r="C243" s="6" t="s">
        <v>722</v>
      </c>
      <c r="D243" s="6" t="s">
        <v>1266</v>
      </c>
      <c r="E243" s="7" t="s">
        <v>962</v>
      </c>
      <c r="F243" s="5" t="s">
        <v>3</v>
      </c>
      <c r="G243" s="9" t="s">
        <v>4</v>
      </c>
      <c r="H243" s="9" t="s">
        <v>51</v>
      </c>
      <c r="I243" s="9" t="s">
        <v>4</v>
      </c>
      <c r="J243" s="9" t="s">
        <v>58</v>
      </c>
    </row>
    <row r="244" spans="1:10" ht="13.2" x14ac:dyDescent="0.45">
      <c r="A244" s="6" t="s">
        <v>538</v>
      </c>
      <c r="B244" s="6" t="s">
        <v>617</v>
      </c>
      <c r="C244" s="6" t="s">
        <v>722</v>
      </c>
      <c r="D244" s="6" t="s">
        <v>1266</v>
      </c>
      <c r="E244" s="7" t="s">
        <v>963</v>
      </c>
      <c r="F244" s="5" t="s">
        <v>3</v>
      </c>
      <c r="G244" s="9" t="s">
        <v>4</v>
      </c>
      <c r="H244" s="9" t="s">
        <v>51</v>
      </c>
      <c r="I244" s="9" t="s">
        <v>4</v>
      </c>
      <c r="J244" s="9" t="s">
        <v>59</v>
      </c>
    </row>
    <row r="245" spans="1:10" ht="13.2" x14ac:dyDescent="0.45">
      <c r="A245" s="6" t="s">
        <v>538</v>
      </c>
      <c r="B245" s="6" t="s">
        <v>617</v>
      </c>
      <c r="C245" s="6" t="s">
        <v>722</v>
      </c>
      <c r="D245" s="6" t="s">
        <v>1266</v>
      </c>
      <c r="E245" s="7" t="s">
        <v>964</v>
      </c>
      <c r="F245" s="5" t="s">
        <v>3</v>
      </c>
      <c r="G245" s="9" t="s">
        <v>4</v>
      </c>
      <c r="H245" s="9" t="s">
        <v>51</v>
      </c>
      <c r="I245" s="9" t="s">
        <v>4</v>
      </c>
      <c r="J245" s="9" t="s">
        <v>60</v>
      </c>
    </row>
    <row r="246" spans="1:10" ht="13.2" x14ac:dyDescent="0.45">
      <c r="A246" s="6" t="s">
        <v>538</v>
      </c>
      <c r="B246" s="6" t="s">
        <v>617</v>
      </c>
      <c r="C246" s="6" t="s">
        <v>722</v>
      </c>
      <c r="D246" s="6" t="s">
        <v>1266</v>
      </c>
      <c r="E246" s="7" t="s">
        <v>965</v>
      </c>
      <c r="F246" s="5" t="s">
        <v>3</v>
      </c>
      <c r="G246" s="9" t="s">
        <v>4</v>
      </c>
      <c r="H246" s="9" t="s">
        <v>51</v>
      </c>
      <c r="I246" s="9" t="s">
        <v>4</v>
      </c>
      <c r="J246" s="9" t="s">
        <v>61</v>
      </c>
    </row>
    <row r="247" spans="1:10" ht="13.2" x14ac:dyDescent="0.45">
      <c r="A247" s="6" t="s">
        <v>538</v>
      </c>
      <c r="B247" s="6" t="s">
        <v>617</v>
      </c>
      <c r="C247" s="6" t="s">
        <v>722</v>
      </c>
      <c r="D247" s="6" t="s">
        <v>1266</v>
      </c>
      <c r="E247" s="7" t="s">
        <v>373</v>
      </c>
      <c r="F247" s="5" t="s">
        <v>3</v>
      </c>
      <c r="G247" s="9" t="s">
        <v>4</v>
      </c>
      <c r="H247" s="9" t="s">
        <v>51</v>
      </c>
      <c r="I247" s="9" t="s">
        <v>4</v>
      </c>
      <c r="J247" s="9" t="s">
        <v>62</v>
      </c>
    </row>
    <row r="248" spans="1:10" ht="13.2" x14ac:dyDescent="0.45">
      <c r="A248" s="6" t="s">
        <v>538</v>
      </c>
      <c r="B248" s="6" t="s">
        <v>617</v>
      </c>
      <c r="C248" s="6" t="s">
        <v>722</v>
      </c>
      <c r="D248" s="6" t="s">
        <v>1266</v>
      </c>
      <c r="E248" s="7" t="s">
        <v>374</v>
      </c>
      <c r="F248" s="5" t="s">
        <v>3</v>
      </c>
      <c r="G248" s="9" t="s">
        <v>4</v>
      </c>
      <c r="H248" s="9" t="s">
        <v>51</v>
      </c>
      <c r="I248" s="9" t="s">
        <v>4</v>
      </c>
      <c r="J248" s="9" t="s">
        <v>63</v>
      </c>
    </row>
    <row r="249" spans="1:10" ht="13.2" x14ac:dyDescent="0.45">
      <c r="A249" s="6" t="s">
        <v>538</v>
      </c>
      <c r="B249" s="6" t="s">
        <v>617</v>
      </c>
      <c r="C249" s="6" t="s">
        <v>722</v>
      </c>
      <c r="D249" s="6" t="s">
        <v>1266</v>
      </c>
      <c r="E249" s="7" t="s">
        <v>966</v>
      </c>
      <c r="F249" s="5" t="s">
        <v>3</v>
      </c>
      <c r="G249" s="9" t="s">
        <v>4</v>
      </c>
      <c r="H249" s="9" t="s">
        <v>51</v>
      </c>
      <c r="I249" s="9" t="s">
        <v>4</v>
      </c>
      <c r="J249" s="9" t="s">
        <v>64</v>
      </c>
    </row>
    <row r="250" spans="1:10" ht="13.2" x14ac:dyDescent="0.45">
      <c r="A250" s="6" t="s">
        <v>538</v>
      </c>
      <c r="B250" s="6" t="s">
        <v>617</v>
      </c>
      <c r="C250" s="6" t="s">
        <v>722</v>
      </c>
      <c r="D250" s="6" t="s">
        <v>1266</v>
      </c>
      <c r="E250" s="7" t="s">
        <v>375</v>
      </c>
      <c r="F250" s="5" t="s">
        <v>3</v>
      </c>
      <c r="G250" s="9" t="s">
        <v>4</v>
      </c>
      <c r="H250" s="9" t="s">
        <v>51</v>
      </c>
      <c r="I250" s="9" t="s">
        <v>4</v>
      </c>
      <c r="J250" s="9" t="s">
        <v>65</v>
      </c>
    </row>
    <row r="251" spans="1:10" ht="13.2" x14ac:dyDescent="0.45">
      <c r="A251" s="6" t="s">
        <v>579</v>
      </c>
      <c r="B251" s="6" t="s">
        <v>677</v>
      </c>
      <c r="C251" s="6" t="s">
        <v>907</v>
      </c>
      <c r="D251" s="6" t="s">
        <v>1408</v>
      </c>
      <c r="E251" s="7" t="s">
        <v>372</v>
      </c>
      <c r="F251" s="5" t="s">
        <v>3</v>
      </c>
      <c r="G251" s="9" t="s">
        <v>4</v>
      </c>
      <c r="H251" s="9" t="s">
        <v>51</v>
      </c>
      <c r="I251" s="9" t="s">
        <v>4</v>
      </c>
      <c r="J251" s="9" t="s">
        <v>460</v>
      </c>
    </row>
    <row r="252" spans="1:10" ht="26.4" x14ac:dyDescent="0.45">
      <c r="A252" s="6" t="s">
        <v>579</v>
      </c>
      <c r="B252" s="6" t="s">
        <v>677</v>
      </c>
      <c r="C252" s="6" t="s">
        <v>907</v>
      </c>
      <c r="D252" s="6" t="s">
        <v>1408</v>
      </c>
      <c r="E252" s="7" t="s">
        <v>459</v>
      </c>
      <c r="F252" s="5" t="s">
        <v>3</v>
      </c>
      <c r="G252" s="9" t="s">
        <v>4</v>
      </c>
      <c r="H252" s="9" t="s">
        <v>51</v>
      </c>
      <c r="I252" s="9" t="s">
        <v>4</v>
      </c>
      <c r="J252" s="9" t="s">
        <v>458</v>
      </c>
    </row>
    <row r="253" spans="1:10" ht="13.2" x14ac:dyDescent="0.45">
      <c r="A253" s="6" t="s">
        <v>577</v>
      </c>
      <c r="B253" s="6" t="s">
        <v>675</v>
      </c>
      <c r="C253" s="6" t="s">
        <v>905</v>
      </c>
      <c r="D253" s="6" t="s">
        <v>1406</v>
      </c>
      <c r="E253" s="7" t="s">
        <v>452</v>
      </c>
      <c r="F253" s="5" t="s">
        <v>3</v>
      </c>
      <c r="G253" s="9" t="s">
        <v>4</v>
      </c>
      <c r="H253" s="9" t="s">
        <v>51</v>
      </c>
      <c r="I253" s="9" t="s">
        <v>4</v>
      </c>
      <c r="J253" s="9" t="s">
        <v>451</v>
      </c>
    </row>
    <row r="254" spans="1:10" ht="13.2" x14ac:dyDescent="0.45">
      <c r="A254" s="6" t="s">
        <v>578</v>
      </c>
      <c r="B254" s="6" t="s">
        <v>676</v>
      </c>
      <c r="C254" s="6" t="s">
        <v>906</v>
      </c>
      <c r="D254" s="6" t="s">
        <v>1407</v>
      </c>
      <c r="E254" s="7" t="s">
        <v>1212</v>
      </c>
      <c r="F254" s="5" t="s">
        <v>3</v>
      </c>
      <c r="G254" s="9" t="s">
        <v>4</v>
      </c>
      <c r="H254" s="9" t="s">
        <v>51</v>
      </c>
      <c r="I254" s="9" t="s">
        <v>4</v>
      </c>
      <c r="J254" s="9" t="s">
        <v>453</v>
      </c>
    </row>
    <row r="255" spans="1:10" ht="13.2" x14ac:dyDescent="0.45">
      <c r="A255" s="6" t="s">
        <v>575</v>
      </c>
      <c r="B255" s="6" t="s">
        <v>673</v>
      </c>
      <c r="C255" s="6" t="s">
        <v>896</v>
      </c>
      <c r="D255" s="6" t="s">
        <v>1404</v>
      </c>
      <c r="E255" s="7" t="s">
        <v>1208</v>
      </c>
      <c r="F255" s="5" t="s">
        <v>3</v>
      </c>
      <c r="G255" s="9" t="s">
        <v>4</v>
      </c>
      <c r="H255" s="9" t="s">
        <v>51</v>
      </c>
      <c r="I255" s="9" t="s">
        <v>4</v>
      </c>
      <c r="J255" s="9" t="s">
        <v>437</v>
      </c>
    </row>
    <row r="256" spans="1:10" ht="13.2" x14ac:dyDescent="0.45">
      <c r="A256" s="6" t="s">
        <v>602</v>
      </c>
      <c r="B256" s="6" t="s">
        <v>701</v>
      </c>
      <c r="C256" s="6" t="s">
        <v>419</v>
      </c>
      <c r="D256" s="6" t="s">
        <v>53</v>
      </c>
      <c r="E256" s="7" t="s">
        <v>1242</v>
      </c>
      <c r="F256" s="5" t="s">
        <v>3</v>
      </c>
      <c r="G256" s="9" t="s">
        <v>4</v>
      </c>
      <c r="H256" s="9" t="s">
        <v>51</v>
      </c>
      <c r="I256" s="9" t="s">
        <v>4</v>
      </c>
      <c r="J256" s="9" t="s">
        <v>514</v>
      </c>
    </row>
    <row r="257" spans="1:10" ht="13.2" x14ac:dyDescent="0.45">
      <c r="A257" s="6" t="s">
        <v>535</v>
      </c>
      <c r="B257" s="6" t="s">
        <v>627</v>
      </c>
      <c r="C257" s="6" t="s">
        <v>748</v>
      </c>
      <c r="D257" s="6" t="s">
        <v>1286</v>
      </c>
      <c r="E257" s="7" t="s">
        <v>997</v>
      </c>
      <c r="F257" s="5" t="s">
        <v>3</v>
      </c>
      <c r="G257" s="9" t="s">
        <v>4</v>
      </c>
      <c r="H257" s="9" t="s">
        <v>124</v>
      </c>
      <c r="I257" s="9" t="s">
        <v>4</v>
      </c>
      <c r="J257" s="9" t="s">
        <v>125</v>
      </c>
    </row>
    <row r="258" spans="1:10" ht="13.2" x14ac:dyDescent="0.45">
      <c r="A258" s="6" t="s">
        <v>593</v>
      </c>
      <c r="B258" s="6" t="s">
        <v>692</v>
      </c>
      <c r="C258" s="6" t="s">
        <v>922</v>
      </c>
      <c r="D258" s="6" t="s">
        <v>1420</v>
      </c>
      <c r="E258" s="7" t="s">
        <v>1230</v>
      </c>
      <c r="F258" s="5" t="s">
        <v>3</v>
      </c>
      <c r="G258" s="9" t="s">
        <v>4</v>
      </c>
      <c r="H258" s="9" t="s">
        <v>502</v>
      </c>
      <c r="I258" s="9" t="s">
        <v>4</v>
      </c>
      <c r="J258" s="9" t="s">
        <v>81</v>
      </c>
    </row>
    <row r="259" spans="1:10" ht="13.2" x14ac:dyDescent="0.45">
      <c r="A259" s="6" t="s">
        <v>532</v>
      </c>
      <c r="B259" s="6" t="s">
        <v>626</v>
      </c>
      <c r="C259" s="6" t="s">
        <v>850</v>
      </c>
      <c r="D259" s="6" t="s">
        <v>1349</v>
      </c>
      <c r="E259" s="7" t="s">
        <v>404</v>
      </c>
      <c r="F259" s="5" t="s">
        <v>3</v>
      </c>
      <c r="G259" s="9" t="s">
        <v>4</v>
      </c>
      <c r="H259" s="9" t="s">
        <v>115</v>
      </c>
      <c r="I259" s="9" t="s">
        <v>4</v>
      </c>
      <c r="J259" s="9" t="s">
        <v>19</v>
      </c>
    </row>
    <row r="260" spans="1:10" ht="13.2" x14ac:dyDescent="0.45">
      <c r="A260" s="6" t="s">
        <v>539</v>
      </c>
      <c r="B260" s="6" t="s">
        <v>618</v>
      </c>
      <c r="C260" s="6" t="s">
        <v>723</v>
      </c>
      <c r="D260" s="6" t="s">
        <v>1267</v>
      </c>
      <c r="E260" s="7" t="s">
        <v>967</v>
      </c>
      <c r="F260" s="5" t="s">
        <v>3</v>
      </c>
      <c r="G260" s="9" t="s">
        <v>4</v>
      </c>
      <c r="H260" s="9" t="s">
        <v>66</v>
      </c>
      <c r="I260" s="9" t="s">
        <v>4</v>
      </c>
      <c r="J260" s="9" t="s">
        <v>67</v>
      </c>
    </row>
    <row r="261" spans="1:10" ht="13.2" x14ac:dyDescent="0.45">
      <c r="A261" s="6" t="s">
        <v>539</v>
      </c>
      <c r="B261" s="6" t="s">
        <v>618</v>
      </c>
      <c r="C261" s="6" t="s">
        <v>724</v>
      </c>
      <c r="D261" s="6" t="s">
        <v>1268</v>
      </c>
      <c r="E261" s="7" t="s">
        <v>968</v>
      </c>
      <c r="F261" s="5" t="s">
        <v>3</v>
      </c>
      <c r="G261" s="9" t="s">
        <v>4</v>
      </c>
      <c r="H261" s="9" t="s">
        <v>66</v>
      </c>
      <c r="I261" s="9" t="s">
        <v>4</v>
      </c>
      <c r="J261" s="9" t="s">
        <v>68</v>
      </c>
    </row>
    <row r="262" spans="1:10" ht="13.2" x14ac:dyDescent="0.45">
      <c r="A262" s="6" t="s">
        <v>539</v>
      </c>
      <c r="B262" s="6" t="s">
        <v>618</v>
      </c>
      <c r="C262" s="6" t="s">
        <v>798</v>
      </c>
      <c r="D262" s="6" t="s">
        <v>1322</v>
      </c>
      <c r="E262" s="7" t="s">
        <v>1081</v>
      </c>
      <c r="F262" s="5" t="s">
        <v>3</v>
      </c>
      <c r="G262" s="9" t="s">
        <v>4</v>
      </c>
      <c r="H262" s="9" t="s">
        <v>238</v>
      </c>
      <c r="I262" s="9" t="s">
        <v>4</v>
      </c>
      <c r="J262" s="9" t="s">
        <v>239</v>
      </c>
    </row>
    <row r="263" spans="1:10" ht="13.2" x14ac:dyDescent="0.45">
      <c r="A263" s="6" t="s">
        <v>539</v>
      </c>
      <c r="B263" s="6" t="s">
        <v>618</v>
      </c>
      <c r="C263" s="6" t="s">
        <v>799</v>
      </c>
      <c r="D263" s="6" t="s">
        <v>240</v>
      </c>
      <c r="E263" s="7" t="s">
        <v>1082</v>
      </c>
      <c r="F263" s="5" t="s">
        <v>3</v>
      </c>
      <c r="G263" s="9" t="s">
        <v>4</v>
      </c>
      <c r="H263" s="9" t="s">
        <v>238</v>
      </c>
      <c r="I263" s="9" t="s">
        <v>4</v>
      </c>
      <c r="J263" s="9" t="s">
        <v>241</v>
      </c>
    </row>
    <row r="264" spans="1:10" ht="26.4" x14ac:dyDescent="0.45">
      <c r="A264" s="6" t="s">
        <v>539</v>
      </c>
      <c r="B264" s="6" t="s">
        <v>618</v>
      </c>
      <c r="C264" s="6" t="s">
        <v>799</v>
      </c>
      <c r="D264" s="6" t="s">
        <v>1323</v>
      </c>
      <c r="E264" s="7" t="s">
        <v>1083</v>
      </c>
      <c r="F264" s="5" t="s">
        <v>3</v>
      </c>
      <c r="G264" s="9" t="s">
        <v>4</v>
      </c>
      <c r="H264" s="9" t="s">
        <v>238</v>
      </c>
      <c r="I264" s="9" t="s">
        <v>4</v>
      </c>
      <c r="J264" s="9" t="s">
        <v>242</v>
      </c>
    </row>
    <row r="265" spans="1:10" ht="13.2" x14ac:dyDescent="0.45">
      <c r="A265" s="6" t="s">
        <v>539</v>
      </c>
      <c r="B265" s="6" t="s">
        <v>618</v>
      </c>
      <c r="C265" s="6" t="s">
        <v>799</v>
      </c>
      <c r="D265" s="6" t="s">
        <v>1323</v>
      </c>
      <c r="E265" s="7" t="s">
        <v>1084</v>
      </c>
      <c r="F265" s="5" t="s">
        <v>3</v>
      </c>
      <c r="G265" s="9" t="s">
        <v>4</v>
      </c>
      <c r="H265" s="9" t="s">
        <v>238</v>
      </c>
      <c r="I265" s="9" t="s">
        <v>4</v>
      </c>
      <c r="J265" s="9" t="s">
        <v>243</v>
      </c>
    </row>
    <row r="266" spans="1:10" ht="13.2" x14ac:dyDescent="0.45">
      <c r="A266" s="6" t="s">
        <v>539</v>
      </c>
      <c r="B266" s="6" t="s">
        <v>618</v>
      </c>
      <c r="C266" s="6" t="s">
        <v>798</v>
      </c>
      <c r="D266" s="6" t="s">
        <v>1324</v>
      </c>
      <c r="E266" s="7" t="s">
        <v>1086</v>
      </c>
      <c r="F266" s="5" t="s">
        <v>3</v>
      </c>
      <c r="G266" s="9" t="s">
        <v>4</v>
      </c>
      <c r="H266" s="9" t="s">
        <v>238</v>
      </c>
      <c r="I266" s="9" t="s">
        <v>4</v>
      </c>
      <c r="J266" s="9" t="s">
        <v>245</v>
      </c>
    </row>
    <row r="267" spans="1:10" ht="13.2" x14ac:dyDescent="0.45">
      <c r="A267" s="6" t="s">
        <v>539</v>
      </c>
      <c r="B267" s="6" t="s">
        <v>618</v>
      </c>
      <c r="C267" s="6" t="s">
        <v>799</v>
      </c>
      <c r="D267" s="6" t="s">
        <v>240</v>
      </c>
      <c r="E267" s="7" t="s">
        <v>1085</v>
      </c>
      <c r="F267" s="5" t="s">
        <v>3</v>
      </c>
      <c r="G267" s="9" t="s">
        <v>4</v>
      </c>
      <c r="H267" s="9" t="s">
        <v>238</v>
      </c>
      <c r="I267" s="9" t="s">
        <v>4</v>
      </c>
      <c r="J267" s="9" t="s">
        <v>244</v>
      </c>
    </row>
    <row r="268" spans="1:10" ht="26.4" x14ac:dyDescent="0.45">
      <c r="A268" s="6" t="s">
        <v>539</v>
      </c>
      <c r="B268" s="6" t="s">
        <v>618</v>
      </c>
      <c r="C268" s="6" t="s">
        <v>797</v>
      </c>
      <c r="D268" s="6" t="s">
        <v>797</v>
      </c>
      <c r="E268" s="7" t="s">
        <v>1118</v>
      </c>
      <c r="F268" s="5" t="s">
        <v>3</v>
      </c>
      <c r="G268" s="9" t="s">
        <v>4</v>
      </c>
      <c r="H268" s="9" t="s">
        <v>237</v>
      </c>
      <c r="I268" s="9" t="s">
        <v>4</v>
      </c>
      <c r="J268" s="9" t="s">
        <v>19</v>
      </c>
    </row>
    <row r="269" spans="1:10" ht="26.4" x14ac:dyDescent="0.45">
      <c r="A269" s="6" t="s">
        <v>539</v>
      </c>
      <c r="B269" s="6" t="s">
        <v>618</v>
      </c>
      <c r="C269" s="6" t="s">
        <v>797</v>
      </c>
      <c r="D269" s="6" t="s">
        <v>797</v>
      </c>
      <c r="E269" s="7" t="s">
        <v>1079</v>
      </c>
      <c r="F269" s="5" t="s">
        <v>3</v>
      </c>
      <c r="G269" s="9" t="s">
        <v>4</v>
      </c>
      <c r="H269" s="9" t="s">
        <v>237</v>
      </c>
      <c r="I269" s="9" t="s">
        <v>4</v>
      </c>
      <c r="J269" s="9" t="s">
        <v>27</v>
      </c>
    </row>
    <row r="270" spans="1:10" ht="26.4" x14ac:dyDescent="0.45">
      <c r="A270" s="6" t="s">
        <v>539</v>
      </c>
      <c r="B270" s="6" t="s">
        <v>618</v>
      </c>
      <c r="C270" s="6" t="s">
        <v>797</v>
      </c>
      <c r="D270" s="6" t="s">
        <v>797</v>
      </c>
      <c r="E270" s="7" t="s">
        <v>1080</v>
      </c>
      <c r="F270" s="5" t="s">
        <v>3</v>
      </c>
      <c r="G270" s="9" t="s">
        <v>4</v>
      </c>
      <c r="H270" s="9" t="s">
        <v>237</v>
      </c>
      <c r="I270" s="9" t="s">
        <v>4</v>
      </c>
      <c r="J270" s="9" t="s">
        <v>89</v>
      </c>
    </row>
    <row r="271" spans="1:10" ht="13.2" x14ac:dyDescent="0.45">
      <c r="A271" s="6" t="s">
        <v>535</v>
      </c>
      <c r="B271" s="6" t="s">
        <v>627</v>
      </c>
      <c r="C271" s="6" t="s">
        <v>747</v>
      </c>
      <c r="D271" s="6" t="s">
        <v>1345</v>
      </c>
      <c r="E271" s="7" t="s">
        <v>1116</v>
      </c>
      <c r="F271" s="5" t="s">
        <v>3</v>
      </c>
      <c r="G271" s="9" t="s">
        <v>4</v>
      </c>
      <c r="H271" s="9" t="s">
        <v>123</v>
      </c>
      <c r="I271" s="9" t="s">
        <v>4</v>
      </c>
      <c r="J271" s="9" t="s">
        <v>19</v>
      </c>
    </row>
    <row r="272" spans="1:10" ht="13.2" x14ac:dyDescent="0.45">
      <c r="A272" s="6" t="s">
        <v>535</v>
      </c>
      <c r="B272" s="6" t="s">
        <v>627</v>
      </c>
      <c r="C272" s="6" t="s">
        <v>747</v>
      </c>
      <c r="D272" s="6" t="s">
        <v>1285</v>
      </c>
      <c r="E272" s="7" t="s">
        <v>995</v>
      </c>
      <c r="F272" s="5" t="s">
        <v>3</v>
      </c>
      <c r="G272" s="9" t="s">
        <v>4</v>
      </c>
      <c r="H272" s="9" t="s">
        <v>123</v>
      </c>
      <c r="I272" s="9" t="s">
        <v>4</v>
      </c>
      <c r="J272" s="9" t="s">
        <v>27</v>
      </c>
    </row>
    <row r="273" spans="1:10" ht="13.2" x14ac:dyDescent="0.45">
      <c r="A273" s="6" t="s">
        <v>535</v>
      </c>
      <c r="B273" s="6" t="s">
        <v>627</v>
      </c>
      <c r="C273" s="6" t="s">
        <v>747</v>
      </c>
      <c r="D273" s="6" t="s">
        <v>1285</v>
      </c>
      <c r="E273" s="7" t="s">
        <v>996</v>
      </c>
      <c r="F273" s="5" t="s">
        <v>3</v>
      </c>
      <c r="G273" s="9" t="s">
        <v>4</v>
      </c>
      <c r="H273" s="9" t="s">
        <v>123</v>
      </c>
      <c r="I273" s="9" t="s">
        <v>4</v>
      </c>
      <c r="J273" s="9" t="s">
        <v>89</v>
      </c>
    </row>
    <row r="274" spans="1:10" ht="13.2" x14ac:dyDescent="0.45">
      <c r="A274" s="6" t="s">
        <v>532</v>
      </c>
      <c r="B274" s="6" t="s">
        <v>626</v>
      </c>
      <c r="C274" s="6" t="s">
        <v>742</v>
      </c>
      <c r="D274" s="6" t="s">
        <v>742</v>
      </c>
      <c r="E274" s="7" t="s">
        <v>401</v>
      </c>
      <c r="F274" s="5" t="s">
        <v>3</v>
      </c>
      <c r="G274" s="9" t="s">
        <v>4</v>
      </c>
      <c r="H274" s="9" t="s">
        <v>112</v>
      </c>
      <c r="I274" s="9" t="s">
        <v>4</v>
      </c>
      <c r="J274" s="9" t="s">
        <v>19</v>
      </c>
    </row>
    <row r="275" spans="1:10" ht="13.2" x14ac:dyDescent="0.45">
      <c r="A275" s="6" t="s">
        <v>532</v>
      </c>
      <c r="B275" s="6" t="s">
        <v>626</v>
      </c>
      <c r="C275" s="6" t="s">
        <v>742</v>
      </c>
      <c r="D275" s="6" t="s">
        <v>420</v>
      </c>
      <c r="E275" s="7" t="s">
        <v>384</v>
      </c>
      <c r="F275" s="5" t="s">
        <v>3</v>
      </c>
      <c r="G275" s="9" t="s">
        <v>4</v>
      </c>
      <c r="H275" s="9" t="s">
        <v>112</v>
      </c>
      <c r="I275" s="9" t="s">
        <v>4</v>
      </c>
      <c r="J275" s="9" t="s">
        <v>27</v>
      </c>
    </row>
    <row r="276" spans="1:10" ht="26.4" x14ac:dyDescent="0.45">
      <c r="A276" s="6" t="s">
        <v>535</v>
      </c>
      <c r="B276" s="6" t="s">
        <v>627</v>
      </c>
      <c r="C276" s="6" t="s">
        <v>844</v>
      </c>
      <c r="D276" s="6" t="s">
        <v>1344</v>
      </c>
      <c r="E276" s="7" t="s">
        <v>1115</v>
      </c>
      <c r="F276" s="5" t="s">
        <v>3</v>
      </c>
      <c r="G276" s="9" t="s">
        <v>4</v>
      </c>
      <c r="H276" s="9" t="s">
        <v>317</v>
      </c>
      <c r="I276" s="9" t="s">
        <v>4</v>
      </c>
      <c r="J276" s="9" t="s">
        <v>19</v>
      </c>
    </row>
    <row r="277" spans="1:10" ht="13.2" x14ac:dyDescent="0.45">
      <c r="A277" s="6" t="s">
        <v>535</v>
      </c>
      <c r="B277" s="6" t="s">
        <v>627</v>
      </c>
      <c r="C277" s="6" t="s">
        <v>745</v>
      </c>
      <c r="D277" s="6" t="s">
        <v>745</v>
      </c>
      <c r="E277" s="7" t="s">
        <v>1114</v>
      </c>
      <c r="F277" s="5" t="s">
        <v>3</v>
      </c>
      <c r="G277" s="9" t="s">
        <v>4</v>
      </c>
      <c r="H277" s="9" t="s">
        <v>118</v>
      </c>
      <c r="I277" s="9" t="s">
        <v>4</v>
      </c>
      <c r="J277" s="9" t="s">
        <v>19</v>
      </c>
    </row>
    <row r="278" spans="1:10" ht="13.2" x14ac:dyDescent="0.45">
      <c r="A278" s="6" t="s">
        <v>535</v>
      </c>
      <c r="B278" s="6" t="s">
        <v>627</v>
      </c>
      <c r="C278" s="6" t="s">
        <v>745</v>
      </c>
      <c r="D278" s="6" t="s">
        <v>745</v>
      </c>
      <c r="E278" s="7" t="s">
        <v>993</v>
      </c>
      <c r="F278" s="5" t="s">
        <v>3</v>
      </c>
      <c r="G278" s="9" t="s">
        <v>4</v>
      </c>
      <c r="H278" s="9" t="s">
        <v>118</v>
      </c>
      <c r="I278" s="9" t="s">
        <v>4</v>
      </c>
      <c r="J278" s="9" t="s">
        <v>27</v>
      </c>
    </row>
    <row r="279" spans="1:10" ht="26.4" x14ac:dyDescent="0.45">
      <c r="A279" s="6" t="s">
        <v>535</v>
      </c>
      <c r="B279" s="6" t="s">
        <v>619</v>
      </c>
      <c r="C279" s="6" t="s">
        <v>725</v>
      </c>
      <c r="D279" s="6" t="s">
        <v>1269</v>
      </c>
      <c r="E279" s="7" t="s">
        <v>969</v>
      </c>
      <c r="F279" s="5" t="s">
        <v>3</v>
      </c>
      <c r="G279" s="9" t="s">
        <v>4</v>
      </c>
      <c r="H279" s="9" t="s">
        <v>69</v>
      </c>
      <c r="I279" s="9" t="s">
        <v>4</v>
      </c>
      <c r="J279" s="9" t="s">
        <v>6</v>
      </c>
    </row>
    <row r="280" spans="1:10" ht="13.2" x14ac:dyDescent="0.45">
      <c r="A280" s="6" t="s">
        <v>553</v>
      </c>
      <c r="B280" s="6" t="s">
        <v>650</v>
      </c>
      <c r="C280" s="6" t="s">
        <v>832</v>
      </c>
      <c r="D280" s="6" t="s">
        <v>1334</v>
      </c>
      <c r="E280" s="7" t="s">
        <v>421</v>
      </c>
      <c r="F280" s="5" t="s">
        <v>3</v>
      </c>
      <c r="G280" s="9" t="s">
        <v>4</v>
      </c>
      <c r="H280" s="9" t="s">
        <v>306</v>
      </c>
      <c r="I280" s="9" t="s">
        <v>4</v>
      </c>
      <c r="J280" s="9" t="s">
        <v>27</v>
      </c>
    </row>
    <row r="281" spans="1:10" ht="13.2" x14ac:dyDescent="0.45">
      <c r="A281" s="6" t="s">
        <v>535</v>
      </c>
      <c r="B281" s="6" t="s">
        <v>619</v>
      </c>
      <c r="C281" s="6" t="s">
        <v>750</v>
      </c>
      <c r="D281" s="6" t="s">
        <v>1287</v>
      </c>
      <c r="E281" s="7" t="s">
        <v>1125</v>
      </c>
      <c r="F281" s="5" t="s">
        <v>3</v>
      </c>
      <c r="G281" s="9" t="s">
        <v>4</v>
      </c>
      <c r="H281" s="9" t="s">
        <v>128</v>
      </c>
      <c r="I281" s="9" t="s">
        <v>4</v>
      </c>
      <c r="J281" s="9" t="s">
        <v>19</v>
      </c>
    </row>
    <row r="282" spans="1:10" ht="13.2" x14ac:dyDescent="0.45">
      <c r="A282" s="6" t="s">
        <v>535</v>
      </c>
      <c r="B282" s="6" t="s">
        <v>619</v>
      </c>
      <c r="C282" s="6" t="s">
        <v>750</v>
      </c>
      <c r="D282" s="6" t="s">
        <v>1287</v>
      </c>
      <c r="E282" s="7" t="s">
        <v>998</v>
      </c>
      <c r="F282" s="5" t="s">
        <v>3</v>
      </c>
      <c r="G282" s="9" t="s">
        <v>4</v>
      </c>
      <c r="H282" s="9" t="s">
        <v>128</v>
      </c>
      <c r="I282" s="9" t="s">
        <v>4</v>
      </c>
      <c r="J282" s="9" t="s">
        <v>27</v>
      </c>
    </row>
    <row r="283" spans="1:10" ht="13.2" x14ac:dyDescent="0.45">
      <c r="A283" s="6" t="s">
        <v>535</v>
      </c>
      <c r="B283" s="6" t="s">
        <v>619</v>
      </c>
      <c r="C283" s="6" t="s">
        <v>848</v>
      </c>
      <c r="D283" s="6" t="s">
        <v>1348</v>
      </c>
      <c r="E283" s="7" t="s">
        <v>1124</v>
      </c>
      <c r="F283" s="5" t="s">
        <v>3</v>
      </c>
      <c r="G283" s="9" t="s">
        <v>4</v>
      </c>
      <c r="H283" s="9" t="s">
        <v>320</v>
      </c>
      <c r="I283" s="9" t="s">
        <v>4</v>
      </c>
      <c r="J283" s="9" t="s">
        <v>19</v>
      </c>
    </row>
    <row r="284" spans="1:10" ht="66" x14ac:dyDescent="0.45">
      <c r="A284" s="6" t="s">
        <v>582</v>
      </c>
      <c r="B284" s="6" t="s">
        <v>680</v>
      </c>
      <c r="C284" s="6" t="s">
        <v>909</v>
      </c>
      <c r="D284" s="6" t="s">
        <v>1410</v>
      </c>
      <c r="E284" s="7" t="s">
        <v>1215</v>
      </c>
      <c r="F284" s="5" t="s">
        <v>3</v>
      </c>
      <c r="G284" s="9" t="s">
        <v>4</v>
      </c>
      <c r="H284" s="9" t="s">
        <v>320</v>
      </c>
      <c r="I284" s="9" t="s">
        <v>4</v>
      </c>
      <c r="J284" s="9" t="s">
        <v>27</v>
      </c>
    </row>
    <row r="285" spans="1:10" ht="13.2" x14ac:dyDescent="0.45">
      <c r="A285" s="6" t="s">
        <v>540</v>
      </c>
      <c r="B285" s="6" t="s">
        <v>628</v>
      </c>
      <c r="C285" s="6" t="s">
        <v>752</v>
      </c>
      <c r="D285" s="6" t="s">
        <v>1288</v>
      </c>
      <c r="E285" s="7" t="s">
        <v>1000</v>
      </c>
      <c r="F285" s="5" t="s">
        <v>3</v>
      </c>
      <c r="G285" s="9" t="s">
        <v>4</v>
      </c>
      <c r="H285" s="9" t="s">
        <v>71</v>
      </c>
      <c r="I285" s="9" t="s">
        <v>4</v>
      </c>
      <c r="J285" s="9" t="s">
        <v>19</v>
      </c>
    </row>
    <row r="286" spans="1:10" ht="13.2" x14ac:dyDescent="0.45">
      <c r="A286" s="6" t="s">
        <v>597</v>
      </c>
      <c r="B286" s="6" t="s">
        <v>696</v>
      </c>
      <c r="C286" s="6" t="s">
        <v>926</v>
      </c>
      <c r="D286" s="6" t="s">
        <v>72</v>
      </c>
      <c r="E286" s="7" t="s">
        <v>1234</v>
      </c>
      <c r="F286" s="5" t="s">
        <v>3</v>
      </c>
      <c r="G286" s="9" t="s">
        <v>4</v>
      </c>
      <c r="H286" s="9" t="s">
        <v>71</v>
      </c>
      <c r="I286" s="9" t="s">
        <v>4</v>
      </c>
      <c r="J286" s="9" t="s">
        <v>27</v>
      </c>
    </row>
    <row r="287" spans="1:10" ht="26.4" x14ac:dyDescent="0.45">
      <c r="A287" s="6" t="s">
        <v>565</v>
      </c>
      <c r="B287" s="6" t="s">
        <v>664</v>
      </c>
      <c r="C287" s="6" t="s">
        <v>882</v>
      </c>
      <c r="D287" s="6" t="s">
        <v>1392</v>
      </c>
      <c r="E287" s="7" t="s">
        <v>1184</v>
      </c>
      <c r="F287" s="5" t="s">
        <v>3</v>
      </c>
      <c r="G287" s="9" t="s">
        <v>4</v>
      </c>
      <c r="H287" s="9" t="s">
        <v>358</v>
      </c>
      <c r="I287" s="9" t="s">
        <v>4</v>
      </c>
      <c r="J287" s="9" t="s">
        <v>359</v>
      </c>
    </row>
    <row r="288" spans="1:10" ht="13.2" x14ac:dyDescent="0.45">
      <c r="A288" s="6" t="s">
        <v>552</v>
      </c>
      <c r="B288" s="6" t="s">
        <v>647</v>
      </c>
      <c r="C288" s="6" t="s">
        <v>847</v>
      </c>
      <c r="D288" s="6" t="s">
        <v>1347</v>
      </c>
      <c r="E288" s="7" t="s">
        <v>1123</v>
      </c>
      <c r="F288" s="5" t="s">
        <v>3</v>
      </c>
      <c r="G288" s="9" t="s">
        <v>4</v>
      </c>
      <c r="H288" s="9" t="s">
        <v>319</v>
      </c>
      <c r="I288" s="9" t="s">
        <v>4</v>
      </c>
      <c r="J288" s="9" t="s">
        <v>19</v>
      </c>
    </row>
    <row r="289" spans="1:10" ht="13.2" x14ac:dyDescent="0.45">
      <c r="A289" s="6" t="s">
        <v>552</v>
      </c>
      <c r="B289" s="6" t="s">
        <v>647</v>
      </c>
      <c r="C289" s="6" t="s">
        <v>801</v>
      </c>
      <c r="D289" s="6" t="s">
        <v>1326</v>
      </c>
      <c r="E289" s="7" t="s">
        <v>1088</v>
      </c>
      <c r="F289" s="5" t="s">
        <v>3</v>
      </c>
      <c r="G289" s="9" t="s">
        <v>4</v>
      </c>
      <c r="H289" s="9" t="s">
        <v>247</v>
      </c>
      <c r="I289" s="9" t="s">
        <v>4</v>
      </c>
      <c r="J289" s="9" t="s">
        <v>248</v>
      </c>
    </row>
    <row r="290" spans="1:10" ht="39.6" x14ac:dyDescent="0.45">
      <c r="A290" s="6" t="s">
        <v>540</v>
      </c>
      <c r="B290" s="6" t="s">
        <v>628</v>
      </c>
      <c r="C290" s="6" t="s">
        <v>803</v>
      </c>
      <c r="D290" s="6" t="s">
        <v>1327</v>
      </c>
      <c r="E290" s="7" t="s">
        <v>394</v>
      </c>
      <c r="F290" s="5" t="s">
        <v>3</v>
      </c>
      <c r="G290" s="9" t="s">
        <v>4</v>
      </c>
      <c r="H290" s="9" t="s">
        <v>251</v>
      </c>
      <c r="I290" s="9" t="s">
        <v>4</v>
      </c>
      <c r="J290" s="9" t="s">
        <v>252</v>
      </c>
    </row>
    <row r="291" spans="1:10" ht="13.2" x14ac:dyDescent="0.45">
      <c r="A291" s="6" t="s">
        <v>553</v>
      </c>
      <c r="B291" s="6" t="s">
        <v>648</v>
      </c>
      <c r="C291" s="6" t="s">
        <v>835</v>
      </c>
      <c r="D291" s="6" t="s">
        <v>1337</v>
      </c>
      <c r="E291" s="7" t="s">
        <v>1102</v>
      </c>
      <c r="F291" s="5" t="s">
        <v>3</v>
      </c>
      <c r="G291" s="9" t="s">
        <v>4</v>
      </c>
      <c r="H291" s="9" t="s">
        <v>309</v>
      </c>
      <c r="I291" s="9" t="s">
        <v>4</v>
      </c>
      <c r="J291" s="9" t="s">
        <v>19</v>
      </c>
    </row>
    <row r="292" spans="1:10" ht="13.2" x14ac:dyDescent="0.45">
      <c r="A292" s="6" t="s">
        <v>553</v>
      </c>
      <c r="B292" s="6" t="s">
        <v>648</v>
      </c>
      <c r="C292" s="6" t="s">
        <v>804</v>
      </c>
      <c r="D292" s="6" t="s">
        <v>1328</v>
      </c>
      <c r="E292" s="7" t="s">
        <v>1101</v>
      </c>
      <c r="F292" s="5" t="s">
        <v>3</v>
      </c>
      <c r="G292" s="9" t="s">
        <v>4</v>
      </c>
      <c r="H292" s="9" t="s">
        <v>253</v>
      </c>
      <c r="I292" s="9" t="s">
        <v>4</v>
      </c>
      <c r="J292" s="9" t="s">
        <v>19</v>
      </c>
    </row>
    <row r="293" spans="1:10" ht="13.2" x14ac:dyDescent="0.45">
      <c r="A293" s="6" t="s">
        <v>553</v>
      </c>
      <c r="B293" s="6" t="s">
        <v>648</v>
      </c>
      <c r="C293" s="6" t="s">
        <v>804</v>
      </c>
      <c r="D293" s="6" t="s">
        <v>1328</v>
      </c>
      <c r="E293" s="7" t="s">
        <v>1089</v>
      </c>
      <c r="F293" s="5" t="s">
        <v>3</v>
      </c>
      <c r="G293" s="9" t="s">
        <v>4</v>
      </c>
      <c r="H293" s="9" t="s">
        <v>253</v>
      </c>
      <c r="I293" s="9" t="s">
        <v>4</v>
      </c>
      <c r="J293" s="9" t="s">
        <v>27</v>
      </c>
    </row>
    <row r="294" spans="1:10" ht="13.2" x14ac:dyDescent="0.45">
      <c r="A294" s="6" t="s">
        <v>553</v>
      </c>
      <c r="B294" s="6" t="s">
        <v>648</v>
      </c>
      <c r="C294" s="6" t="s">
        <v>804</v>
      </c>
      <c r="D294" s="6" t="s">
        <v>1328</v>
      </c>
      <c r="E294" s="7" t="s">
        <v>1090</v>
      </c>
      <c r="F294" s="5" t="s">
        <v>3</v>
      </c>
      <c r="G294" s="9" t="s">
        <v>4</v>
      </c>
      <c r="H294" s="9" t="s">
        <v>253</v>
      </c>
      <c r="I294" s="9" t="s">
        <v>4</v>
      </c>
      <c r="J294" s="9" t="s">
        <v>89</v>
      </c>
    </row>
    <row r="295" spans="1:10" ht="13.2" x14ac:dyDescent="0.45">
      <c r="A295" s="6" t="s">
        <v>7</v>
      </c>
      <c r="B295" s="6" t="s">
        <v>70</v>
      </c>
      <c r="C295" s="6" t="s">
        <v>469</v>
      </c>
      <c r="D295" s="6" t="s">
        <v>470</v>
      </c>
      <c r="E295" s="7" t="s">
        <v>471</v>
      </c>
      <c r="F295" s="5" t="s">
        <v>3</v>
      </c>
      <c r="G295" s="9" t="s">
        <v>4</v>
      </c>
      <c r="H295" s="9" t="s">
        <v>467</v>
      </c>
      <c r="I295" s="9" t="s">
        <v>4</v>
      </c>
      <c r="J295" s="9" t="s">
        <v>32</v>
      </c>
    </row>
    <row r="296" spans="1:10" ht="13.2" x14ac:dyDescent="0.45">
      <c r="A296" s="6" t="s">
        <v>7</v>
      </c>
      <c r="B296" s="6" t="s">
        <v>70</v>
      </c>
      <c r="C296" s="6" t="s">
        <v>469</v>
      </c>
      <c r="D296" s="6" t="s">
        <v>470</v>
      </c>
      <c r="E296" s="7" t="s">
        <v>472</v>
      </c>
      <c r="F296" s="5" t="s">
        <v>3</v>
      </c>
      <c r="G296" s="9" t="s">
        <v>4</v>
      </c>
      <c r="H296" s="9" t="s">
        <v>467</v>
      </c>
      <c r="I296" s="9" t="s">
        <v>4</v>
      </c>
      <c r="J296" s="9" t="s">
        <v>12</v>
      </c>
    </row>
    <row r="297" spans="1:10" ht="26.4" x14ac:dyDescent="0.45">
      <c r="A297" s="6" t="s">
        <v>588</v>
      </c>
      <c r="B297" s="6" t="s">
        <v>687</v>
      </c>
      <c r="C297" s="6" t="s">
        <v>916</v>
      </c>
      <c r="D297" s="6" t="s">
        <v>1415</v>
      </c>
      <c r="E297" s="7" t="s">
        <v>1226</v>
      </c>
      <c r="F297" s="5" t="s">
        <v>3</v>
      </c>
      <c r="G297" s="9" t="s">
        <v>4</v>
      </c>
      <c r="H297" s="9" t="s">
        <v>492</v>
      </c>
      <c r="I297" s="9" t="s">
        <v>4</v>
      </c>
      <c r="J297" s="9" t="s">
        <v>493</v>
      </c>
    </row>
    <row r="298" spans="1:10" ht="26.4" x14ac:dyDescent="0.45">
      <c r="A298" s="6" t="s">
        <v>589</v>
      </c>
      <c r="B298" s="6" t="s">
        <v>688</v>
      </c>
      <c r="C298" s="6" t="s">
        <v>917</v>
      </c>
      <c r="D298" s="6" t="s">
        <v>1416</v>
      </c>
      <c r="E298" s="7" t="s">
        <v>1227</v>
      </c>
      <c r="F298" s="5" t="s">
        <v>3</v>
      </c>
      <c r="G298" s="9" t="s">
        <v>4</v>
      </c>
      <c r="H298" s="9" t="s">
        <v>491</v>
      </c>
      <c r="I298" s="9" t="s">
        <v>4</v>
      </c>
      <c r="J298" s="9" t="s">
        <v>32</v>
      </c>
    </row>
    <row r="299" spans="1:10" ht="26.4" x14ac:dyDescent="0.45">
      <c r="A299" s="6" t="s">
        <v>554</v>
      </c>
      <c r="B299" s="6" t="s">
        <v>649</v>
      </c>
      <c r="C299" s="6" t="s">
        <v>834</v>
      </c>
      <c r="D299" s="6" t="s">
        <v>1336</v>
      </c>
      <c r="E299" s="7" t="s">
        <v>1100</v>
      </c>
      <c r="F299" s="5" t="s">
        <v>3</v>
      </c>
      <c r="G299" s="9" t="s">
        <v>4</v>
      </c>
      <c r="H299" s="9" t="s">
        <v>308</v>
      </c>
      <c r="I299" s="9" t="s">
        <v>4</v>
      </c>
      <c r="J299" s="9" t="s">
        <v>19</v>
      </c>
    </row>
    <row r="300" spans="1:10" ht="26.4" x14ac:dyDescent="0.45">
      <c r="A300" s="6" t="s">
        <v>554</v>
      </c>
      <c r="B300" s="6" t="s">
        <v>649</v>
      </c>
      <c r="C300" s="6" t="s">
        <v>808</v>
      </c>
      <c r="D300" s="6" t="s">
        <v>1330</v>
      </c>
      <c r="E300" s="7" t="s">
        <v>1092</v>
      </c>
      <c r="F300" s="5" t="s">
        <v>3</v>
      </c>
      <c r="G300" s="9" t="s">
        <v>4</v>
      </c>
      <c r="H300" s="9" t="s">
        <v>260</v>
      </c>
      <c r="I300" s="9" t="s">
        <v>4</v>
      </c>
      <c r="J300" s="9" t="s">
        <v>261</v>
      </c>
    </row>
    <row r="301" spans="1:10" ht="26.4" x14ac:dyDescent="0.45">
      <c r="A301" s="6" t="s">
        <v>554</v>
      </c>
      <c r="B301" s="6" t="s">
        <v>649</v>
      </c>
      <c r="C301" s="6" t="s">
        <v>808</v>
      </c>
      <c r="D301" s="6" t="s">
        <v>1330</v>
      </c>
      <c r="E301" s="7" t="s">
        <v>395</v>
      </c>
      <c r="F301" s="5" t="s">
        <v>3</v>
      </c>
      <c r="G301" s="9" t="s">
        <v>4</v>
      </c>
      <c r="H301" s="9" t="s">
        <v>260</v>
      </c>
      <c r="I301" s="9" t="s">
        <v>4</v>
      </c>
      <c r="J301" s="9" t="s">
        <v>262</v>
      </c>
    </row>
    <row r="302" spans="1:10" ht="26.4" x14ac:dyDescent="0.45">
      <c r="A302" s="6" t="s">
        <v>554</v>
      </c>
      <c r="B302" s="6" t="s">
        <v>649</v>
      </c>
      <c r="C302" s="6" t="s">
        <v>808</v>
      </c>
      <c r="D302" s="6" t="s">
        <v>1330</v>
      </c>
      <c r="E302" s="7" t="s">
        <v>1093</v>
      </c>
      <c r="F302" s="5" t="s">
        <v>3</v>
      </c>
      <c r="G302" s="9" t="s">
        <v>4</v>
      </c>
      <c r="H302" s="9" t="s">
        <v>260</v>
      </c>
      <c r="I302" s="9" t="s">
        <v>4</v>
      </c>
      <c r="J302" s="9" t="s">
        <v>263</v>
      </c>
    </row>
    <row r="303" spans="1:10" ht="26.4" x14ac:dyDescent="0.45">
      <c r="A303" s="6" t="s">
        <v>554</v>
      </c>
      <c r="B303" s="6" t="s">
        <v>649</v>
      </c>
      <c r="C303" s="6" t="s">
        <v>808</v>
      </c>
      <c r="D303" s="6" t="s">
        <v>1330</v>
      </c>
      <c r="E303" s="7" t="s">
        <v>1094</v>
      </c>
      <c r="F303" s="5" t="s">
        <v>3</v>
      </c>
      <c r="G303" s="9" t="s">
        <v>4</v>
      </c>
      <c r="H303" s="9" t="s">
        <v>260</v>
      </c>
      <c r="I303" s="9" t="s">
        <v>4</v>
      </c>
      <c r="J303" s="9" t="s">
        <v>264</v>
      </c>
    </row>
    <row r="304" spans="1:10" ht="26.4" x14ac:dyDescent="0.45">
      <c r="A304" s="6" t="s">
        <v>554</v>
      </c>
      <c r="B304" s="6" t="s">
        <v>649</v>
      </c>
      <c r="C304" s="6" t="s">
        <v>808</v>
      </c>
      <c r="D304" s="6" t="s">
        <v>1330</v>
      </c>
      <c r="E304" s="7" t="s">
        <v>1095</v>
      </c>
      <c r="F304" s="5" t="s">
        <v>3</v>
      </c>
      <c r="G304" s="9" t="s">
        <v>4</v>
      </c>
      <c r="H304" s="9" t="s">
        <v>260</v>
      </c>
      <c r="I304" s="9" t="s">
        <v>4</v>
      </c>
      <c r="J304" s="9" t="s">
        <v>265</v>
      </c>
    </row>
    <row r="305" spans="1:10" ht="26.4" x14ac:dyDescent="0.45">
      <c r="A305" s="6" t="s">
        <v>554</v>
      </c>
      <c r="B305" s="6" t="s">
        <v>649</v>
      </c>
      <c r="C305" s="6" t="s">
        <v>808</v>
      </c>
      <c r="D305" s="6" t="s">
        <v>1330</v>
      </c>
      <c r="E305" s="7" t="s">
        <v>1096</v>
      </c>
      <c r="F305" s="5" t="s">
        <v>3</v>
      </c>
      <c r="G305" s="9" t="s">
        <v>4</v>
      </c>
      <c r="H305" s="9" t="s">
        <v>260</v>
      </c>
      <c r="I305" s="9" t="s">
        <v>4</v>
      </c>
      <c r="J305" s="9" t="s">
        <v>266</v>
      </c>
    </row>
    <row r="306" spans="1:10" ht="26.4" x14ac:dyDescent="0.45">
      <c r="A306" s="6" t="s">
        <v>554</v>
      </c>
      <c r="B306" s="6" t="s">
        <v>649</v>
      </c>
      <c r="C306" s="6" t="s">
        <v>808</v>
      </c>
      <c r="D306" s="6" t="s">
        <v>1365</v>
      </c>
      <c r="E306" s="7" t="s">
        <v>1140</v>
      </c>
      <c r="F306" s="5" t="s">
        <v>3</v>
      </c>
      <c r="G306" s="9" t="s">
        <v>4</v>
      </c>
      <c r="H306" s="9" t="s">
        <v>260</v>
      </c>
      <c r="I306" s="9" t="s">
        <v>4</v>
      </c>
      <c r="J306" s="9" t="s">
        <v>331</v>
      </c>
    </row>
    <row r="307" spans="1:10" ht="26.4" x14ac:dyDescent="0.45">
      <c r="A307" s="6" t="s">
        <v>584</v>
      </c>
      <c r="B307" s="6" t="s">
        <v>682</v>
      </c>
      <c r="C307" s="6" t="s">
        <v>911</v>
      </c>
      <c r="D307" s="6" t="s">
        <v>1412</v>
      </c>
      <c r="E307" s="7" t="s">
        <v>1219</v>
      </c>
      <c r="F307" s="5" t="s">
        <v>3</v>
      </c>
      <c r="G307" s="9" t="s">
        <v>4</v>
      </c>
      <c r="H307" s="9" t="s">
        <v>477</v>
      </c>
      <c r="I307" s="9" t="s">
        <v>4</v>
      </c>
      <c r="J307" s="9" t="s">
        <v>478</v>
      </c>
    </row>
    <row r="308" spans="1:10" ht="26.4" x14ac:dyDescent="0.45">
      <c r="A308" s="6" t="s">
        <v>555</v>
      </c>
      <c r="B308" s="6" t="s">
        <v>651</v>
      </c>
      <c r="C308" s="6" t="s">
        <v>833</v>
      </c>
      <c r="D308" s="6" t="s">
        <v>1335</v>
      </c>
      <c r="E308" s="7" t="s">
        <v>398</v>
      </c>
      <c r="F308" s="5" t="s">
        <v>3</v>
      </c>
      <c r="G308" s="9" t="s">
        <v>4</v>
      </c>
      <c r="H308" s="9" t="s">
        <v>307</v>
      </c>
      <c r="I308" s="9" t="s">
        <v>4</v>
      </c>
      <c r="J308" s="9" t="s">
        <v>19</v>
      </c>
    </row>
    <row r="309" spans="1:10" ht="39.6" x14ac:dyDescent="0.45">
      <c r="A309" s="6" t="s">
        <v>546</v>
      </c>
      <c r="B309" s="6" t="s">
        <v>632</v>
      </c>
      <c r="C309" s="6" t="s">
        <v>855</v>
      </c>
      <c r="D309" s="6" t="s">
        <v>1360</v>
      </c>
      <c r="E309" s="7" t="s">
        <v>408</v>
      </c>
      <c r="F309" s="5" t="s">
        <v>3</v>
      </c>
      <c r="G309" s="9" t="s">
        <v>4</v>
      </c>
      <c r="H309" s="9" t="s">
        <v>307</v>
      </c>
      <c r="I309" s="9" t="s">
        <v>4</v>
      </c>
      <c r="J309" s="9" t="s">
        <v>27</v>
      </c>
    </row>
    <row r="310" spans="1:10" ht="39.6" x14ac:dyDescent="0.45">
      <c r="A310" s="6" t="s">
        <v>546</v>
      </c>
      <c r="B310" s="6" t="s">
        <v>632</v>
      </c>
      <c r="C310" s="6" t="s">
        <v>856</v>
      </c>
      <c r="D310" s="6" t="s">
        <v>1361</v>
      </c>
      <c r="E310" s="7" t="s">
        <v>1134</v>
      </c>
      <c r="F310" s="5" t="s">
        <v>3</v>
      </c>
      <c r="G310" s="9" t="s">
        <v>4</v>
      </c>
      <c r="H310" s="9" t="s">
        <v>307</v>
      </c>
      <c r="I310" s="9" t="s">
        <v>4</v>
      </c>
      <c r="J310" s="9" t="s">
        <v>89</v>
      </c>
    </row>
    <row r="311" spans="1:10" ht="26.4" x14ac:dyDescent="0.45">
      <c r="A311" s="6" t="s">
        <v>546</v>
      </c>
      <c r="B311" s="6" t="s">
        <v>632</v>
      </c>
      <c r="C311" s="6" t="s">
        <v>856</v>
      </c>
      <c r="D311" s="6" t="s">
        <v>1362</v>
      </c>
      <c r="E311" s="7" t="s">
        <v>409</v>
      </c>
      <c r="F311" s="5" t="s">
        <v>3</v>
      </c>
      <c r="G311" s="9" t="s">
        <v>4</v>
      </c>
      <c r="H311" s="9" t="s">
        <v>307</v>
      </c>
      <c r="I311" s="9" t="s">
        <v>4</v>
      </c>
      <c r="J311" s="9" t="s">
        <v>91</v>
      </c>
    </row>
    <row r="312" spans="1:10" ht="26.4" x14ac:dyDescent="0.45">
      <c r="A312" s="6" t="s">
        <v>546</v>
      </c>
      <c r="B312" s="6" t="s">
        <v>632</v>
      </c>
      <c r="C312" s="6" t="s">
        <v>855</v>
      </c>
      <c r="D312" s="6" t="s">
        <v>1362</v>
      </c>
      <c r="E312" s="7" t="s">
        <v>410</v>
      </c>
      <c r="F312" s="5" t="s">
        <v>3</v>
      </c>
      <c r="G312" s="9" t="s">
        <v>4</v>
      </c>
      <c r="H312" s="9" t="s">
        <v>307</v>
      </c>
      <c r="I312" s="9" t="s">
        <v>4</v>
      </c>
      <c r="J312" s="9" t="s">
        <v>92</v>
      </c>
    </row>
    <row r="313" spans="1:10" ht="26.4" x14ac:dyDescent="0.45">
      <c r="A313" s="6" t="s">
        <v>572</v>
      </c>
      <c r="B313" s="6" t="s">
        <v>670</v>
      </c>
      <c r="C313" s="6" t="s">
        <v>892</v>
      </c>
      <c r="D313" s="6" t="s">
        <v>1400</v>
      </c>
      <c r="E313" s="7" t="s">
        <v>1202</v>
      </c>
      <c r="F313" s="5" t="s">
        <v>3</v>
      </c>
      <c r="G313" s="9" t="s">
        <v>4</v>
      </c>
      <c r="H313" s="9" t="s">
        <v>434</v>
      </c>
      <c r="I313" s="9" t="s">
        <v>4</v>
      </c>
      <c r="J313" s="9" t="s">
        <v>19</v>
      </c>
    </row>
    <row r="314" spans="1:10" ht="26.4" x14ac:dyDescent="0.45">
      <c r="A314" s="6" t="s">
        <v>572</v>
      </c>
      <c r="B314" s="6" t="s">
        <v>670</v>
      </c>
      <c r="C314" s="6" t="s">
        <v>893</v>
      </c>
      <c r="D314" s="6" t="s">
        <v>1400</v>
      </c>
      <c r="E314" s="7" t="s">
        <v>1203</v>
      </c>
      <c r="F314" s="5" t="s">
        <v>3</v>
      </c>
      <c r="G314" s="9" t="s">
        <v>4</v>
      </c>
      <c r="H314" s="9" t="s">
        <v>434</v>
      </c>
      <c r="I314" s="9" t="s">
        <v>4</v>
      </c>
      <c r="J314" s="9" t="s">
        <v>27</v>
      </c>
    </row>
    <row r="315" spans="1:10" ht="26.4" x14ac:dyDescent="0.45">
      <c r="A315" s="6" t="s">
        <v>572</v>
      </c>
      <c r="B315" s="6" t="s">
        <v>670</v>
      </c>
      <c r="C315" s="6" t="s">
        <v>893</v>
      </c>
      <c r="D315" s="6" t="s">
        <v>1401</v>
      </c>
      <c r="E315" s="7" t="s">
        <v>1204</v>
      </c>
      <c r="F315" s="5" t="s">
        <v>3</v>
      </c>
      <c r="G315" s="9" t="s">
        <v>4</v>
      </c>
      <c r="H315" s="9" t="s">
        <v>434</v>
      </c>
      <c r="I315" s="9" t="s">
        <v>4</v>
      </c>
      <c r="J315" s="9" t="s">
        <v>89</v>
      </c>
    </row>
    <row r="316" spans="1:10" ht="26.4" x14ac:dyDescent="0.45">
      <c r="A316" s="6" t="s">
        <v>576</v>
      </c>
      <c r="B316" s="6" t="s">
        <v>674</v>
      </c>
      <c r="C316" s="6" t="s">
        <v>901</v>
      </c>
      <c r="D316" s="6" t="s">
        <v>1405</v>
      </c>
      <c r="E316" s="7" t="s">
        <v>445</v>
      </c>
      <c r="F316" s="5" t="s">
        <v>3</v>
      </c>
      <c r="G316" s="9" t="s">
        <v>4</v>
      </c>
      <c r="H316" s="9" t="s">
        <v>434</v>
      </c>
      <c r="I316" s="9" t="s">
        <v>4</v>
      </c>
      <c r="J316" s="9" t="s">
        <v>90</v>
      </c>
    </row>
    <row r="317" spans="1:10" ht="13.2" x14ac:dyDescent="0.45">
      <c r="A317" s="6" t="s">
        <v>536</v>
      </c>
      <c r="B317" s="6" t="s">
        <v>614</v>
      </c>
      <c r="C317" s="6" t="s">
        <v>830</v>
      </c>
      <c r="D317" s="6" t="s">
        <v>1333</v>
      </c>
      <c r="E317" s="7" t="s">
        <v>397</v>
      </c>
      <c r="F317" s="5" t="s">
        <v>3</v>
      </c>
      <c r="G317" s="9" t="s">
        <v>4</v>
      </c>
      <c r="H317" s="9" t="s">
        <v>305</v>
      </c>
      <c r="I317" s="9" t="s">
        <v>4</v>
      </c>
      <c r="J317" s="9" t="s">
        <v>19</v>
      </c>
    </row>
    <row r="318" spans="1:10" ht="13.2" x14ac:dyDescent="0.45">
      <c r="A318" s="6" t="s">
        <v>599</v>
      </c>
      <c r="B318" s="6" t="s">
        <v>698</v>
      </c>
      <c r="C318" s="6" t="s">
        <v>928</v>
      </c>
      <c r="D318" s="6" t="s">
        <v>1424</v>
      </c>
      <c r="E318" s="7" t="s">
        <v>1236</v>
      </c>
      <c r="F318" s="5" t="s">
        <v>3</v>
      </c>
      <c r="G318" s="9" t="s">
        <v>4</v>
      </c>
      <c r="H318" s="9" t="s">
        <v>305</v>
      </c>
      <c r="I318" s="9" t="s">
        <v>4</v>
      </c>
      <c r="J318" s="9" t="s">
        <v>27</v>
      </c>
    </row>
    <row r="319" spans="1:10" ht="26.4" x14ac:dyDescent="0.45">
      <c r="A319" s="6" t="s">
        <v>546</v>
      </c>
      <c r="B319" s="6" t="s">
        <v>632</v>
      </c>
      <c r="C319" s="6" t="s">
        <v>829</v>
      </c>
      <c r="D319" s="6" t="s">
        <v>304</v>
      </c>
      <c r="E319" s="7" t="s">
        <v>396</v>
      </c>
      <c r="F319" s="5" t="s">
        <v>3</v>
      </c>
      <c r="G319" s="9" t="s">
        <v>4</v>
      </c>
      <c r="H319" s="9" t="s">
        <v>303</v>
      </c>
      <c r="I319" s="9" t="s">
        <v>4</v>
      </c>
      <c r="J319" s="9" t="s">
        <v>19</v>
      </c>
    </row>
    <row r="320" spans="1:10" ht="39.6" x14ac:dyDescent="0.45">
      <c r="A320" s="6" t="s">
        <v>546</v>
      </c>
      <c r="B320" s="6" t="s">
        <v>632</v>
      </c>
      <c r="C320" s="6" t="s">
        <v>829</v>
      </c>
      <c r="D320" s="6" t="s">
        <v>1350</v>
      </c>
      <c r="E320" s="7" t="s">
        <v>405</v>
      </c>
      <c r="F320" s="5" t="s">
        <v>3</v>
      </c>
      <c r="G320" s="9" t="s">
        <v>4</v>
      </c>
      <c r="H320" s="9" t="s">
        <v>303</v>
      </c>
      <c r="I320" s="9" t="s">
        <v>4</v>
      </c>
      <c r="J320" s="9" t="s">
        <v>27</v>
      </c>
    </row>
    <row r="321" spans="1:10" ht="26.4" x14ac:dyDescent="0.45">
      <c r="A321" s="6" t="s">
        <v>546</v>
      </c>
      <c r="B321" s="6" t="s">
        <v>632</v>
      </c>
      <c r="C321" s="6" t="s">
        <v>829</v>
      </c>
      <c r="D321" s="6" t="s">
        <v>1351</v>
      </c>
      <c r="E321" s="7" t="s">
        <v>1126</v>
      </c>
      <c r="F321" s="5" t="s">
        <v>3</v>
      </c>
      <c r="G321" s="9" t="s">
        <v>4</v>
      </c>
      <c r="H321" s="9" t="s">
        <v>303</v>
      </c>
      <c r="I321" s="9" t="s">
        <v>4</v>
      </c>
      <c r="J321" s="9" t="s">
        <v>89</v>
      </c>
    </row>
    <row r="322" spans="1:10" ht="26.4" x14ac:dyDescent="0.45">
      <c r="A322" s="6" t="s">
        <v>546</v>
      </c>
      <c r="B322" s="6" t="s">
        <v>632</v>
      </c>
      <c r="C322" s="6" t="s">
        <v>829</v>
      </c>
      <c r="D322" s="6" t="s">
        <v>1352</v>
      </c>
      <c r="E322" s="7" t="s">
        <v>406</v>
      </c>
      <c r="F322" s="5" t="s">
        <v>3</v>
      </c>
      <c r="G322" s="9" t="s">
        <v>4</v>
      </c>
      <c r="H322" s="9" t="s">
        <v>303</v>
      </c>
      <c r="I322" s="9" t="s">
        <v>4</v>
      </c>
      <c r="J322" s="9" t="s">
        <v>90</v>
      </c>
    </row>
    <row r="323" spans="1:10" ht="13.2" x14ac:dyDescent="0.45">
      <c r="A323" s="6" t="s">
        <v>559</v>
      </c>
      <c r="B323" s="6" t="s">
        <v>655</v>
      </c>
      <c r="C323" s="6" t="s">
        <v>852</v>
      </c>
      <c r="D323" s="6" t="s">
        <v>1355</v>
      </c>
      <c r="E323" s="7" t="s">
        <v>1129</v>
      </c>
      <c r="F323" s="5" t="s">
        <v>3</v>
      </c>
      <c r="G323" s="9" t="s">
        <v>4</v>
      </c>
      <c r="H323" s="9" t="s">
        <v>322</v>
      </c>
      <c r="I323" s="9" t="s">
        <v>4</v>
      </c>
      <c r="J323" s="9" t="s">
        <v>323</v>
      </c>
    </row>
    <row r="324" spans="1:10" ht="13.2" x14ac:dyDescent="0.45">
      <c r="A324" s="6" t="s">
        <v>559</v>
      </c>
      <c r="B324" s="6" t="s">
        <v>655</v>
      </c>
      <c r="C324" s="6" t="s">
        <v>852</v>
      </c>
      <c r="D324" s="6" t="s">
        <v>1355</v>
      </c>
      <c r="E324" s="7" t="s">
        <v>1130</v>
      </c>
      <c r="F324" s="5" t="s">
        <v>3</v>
      </c>
      <c r="G324" s="9" t="s">
        <v>4</v>
      </c>
      <c r="H324" s="9" t="s">
        <v>322</v>
      </c>
      <c r="I324" s="9" t="s">
        <v>4</v>
      </c>
      <c r="J324" s="9" t="s">
        <v>20</v>
      </c>
    </row>
    <row r="325" spans="1:10" ht="26.4" x14ac:dyDescent="0.45">
      <c r="A325" s="6" t="s">
        <v>559</v>
      </c>
      <c r="B325" s="6" t="s">
        <v>655</v>
      </c>
      <c r="C325" s="6" t="s">
        <v>852</v>
      </c>
      <c r="D325" s="6" t="s">
        <v>1356</v>
      </c>
      <c r="E325" s="7" t="s">
        <v>1131</v>
      </c>
      <c r="F325" s="5" t="s">
        <v>3</v>
      </c>
      <c r="G325" s="9" t="s">
        <v>4</v>
      </c>
      <c r="H325" s="9" t="s">
        <v>322</v>
      </c>
      <c r="I325" s="9" t="s">
        <v>4</v>
      </c>
      <c r="J325" s="9" t="s">
        <v>22</v>
      </c>
    </row>
    <row r="326" spans="1:10" ht="26.4" x14ac:dyDescent="0.45">
      <c r="A326" s="6" t="s">
        <v>559</v>
      </c>
      <c r="B326" s="6" t="s">
        <v>655</v>
      </c>
      <c r="C326" s="6" t="s">
        <v>853</v>
      </c>
      <c r="D326" s="6" t="s">
        <v>1357</v>
      </c>
      <c r="E326" s="7" t="s">
        <v>407</v>
      </c>
      <c r="F326" s="5" t="s">
        <v>3</v>
      </c>
      <c r="G326" s="9" t="s">
        <v>4</v>
      </c>
      <c r="H326" s="9" t="s">
        <v>322</v>
      </c>
      <c r="I326" s="9" t="s">
        <v>4</v>
      </c>
      <c r="J326" s="9" t="s">
        <v>230</v>
      </c>
    </row>
    <row r="327" spans="1:10" ht="13.2" x14ac:dyDescent="0.45">
      <c r="A327" s="6" t="s">
        <v>559</v>
      </c>
      <c r="B327" s="6" t="s">
        <v>655</v>
      </c>
      <c r="C327" s="6" t="s">
        <v>852</v>
      </c>
      <c r="D327" s="6" t="s">
        <v>1358</v>
      </c>
      <c r="E327" s="7" t="s">
        <v>1132</v>
      </c>
      <c r="F327" s="5" t="s">
        <v>3</v>
      </c>
      <c r="G327" s="9" t="s">
        <v>4</v>
      </c>
      <c r="H327" s="9" t="s">
        <v>322</v>
      </c>
      <c r="I327" s="9" t="s">
        <v>4</v>
      </c>
      <c r="J327" s="9" t="s">
        <v>36</v>
      </c>
    </row>
    <row r="328" spans="1:10" ht="13.2" x14ac:dyDescent="0.45">
      <c r="A328" s="6" t="s">
        <v>536</v>
      </c>
      <c r="B328" s="6" t="s">
        <v>614</v>
      </c>
      <c r="C328" s="6" t="s">
        <v>826</v>
      </c>
      <c r="D328" s="6" t="s">
        <v>1331</v>
      </c>
      <c r="E328" s="7" t="s">
        <v>1099</v>
      </c>
      <c r="F328" s="5" t="s">
        <v>3</v>
      </c>
      <c r="G328" s="9" t="s">
        <v>4</v>
      </c>
      <c r="H328" s="9" t="s">
        <v>301</v>
      </c>
      <c r="I328" s="9" t="s">
        <v>4</v>
      </c>
      <c r="J328" s="9" t="s">
        <v>19</v>
      </c>
    </row>
    <row r="329" spans="1:10" ht="13.2" x14ac:dyDescent="0.45">
      <c r="A329" s="6" t="s">
        <v>536</v>
      </c>
      <c r="B329" s="6" t="s">
        <v>614</v>
      </c>
      <c r="C329" s="6" t="s">
        <v>826</v>
      </c>
      <c r="D329" s="6" t="s">
        <v>1331</v>
      </c>
      <c r="E329" s="7" t="s">
        <v>1097</v>
      </c>
      <c r="F329" s="5" t="s">
        <v>3</v>
      </c>
      <c r="G329" s="9" t="s">
        <v>4</v>
      </c>
      <c r="H329" s="9" t="s">
        <v>301</v>
      </c>
      <c r="I329" s="9" t="s">
        <v>4</v>
      </c>
      <c r="J329" s="9" t="s">
        <v>27</v>
      </c>
    </row>
    <row r="330" spans="1:10" ht="13.2" x14ac:dyDescent="0.45">
      <c r="A330" s="6" t="s">
        <v>546</v>
      </c>
      <c r="B330" s="6" t="s">
        <v>632</v>
      </c>
      <c r="C330" s="6" t="s">
        <v>827</v>
      </c>
      <c r="D330" s="6" t="s">
        <v>1332</v>
      </c>
      <c r="E330" s="7" t="s">
        <v>1098</v>
      </c>
      <c r="F330" s="5" t="s">
        <v>3</v>
      </c>
      <c r="G330" s="9" t="s">
        <v>4</v>
      </c>
      <c r="H330" s="9" t="s">
        <v>302</v>
      </c>
      <c r="I330" s="9" t="s">
        <v>4</v>
      </c>
      <c r="J330" s="9" t="s">
        <v>19</v>
      </c>
    </row>
    <row r="331" spans="1:10" ht="13.2" x14ac:dyDescent="0.45">
      <c r="A331" s="6" t="s">
        <v>536</v>
      </c>
      <c r="B331" s="6" t="s">
        <v>614</v>
      </c>
      <c r="C331" s="6" t="s">
        <v>825</v>
      </c>
      <c r="D331" s="6" t="s">
        <v>825</v>
      </c>
      <c r="E331" s="7" t="s">
        <v>512</v>
      </c>
      <c r="F331" s="5" t="s">
        <v>3</v>
      </c>
      <c r="G331" s="9" t="s">
        <v>4</v>
      </c>
      <c r="H331" s="9" t="s">
        <v>299</v>
      </c>
      <c r="I331" s="9" t="s">
        <v>4</v>
      </c>
      <c r="J331" s="9" t="s">
        <v>19</v>
      </c>
    </row>
    <row r="332" spans="1:10" ht="13.2" x14ac:dyDescent="0.45">
      <c r="A332" s="6" t="s">
        <v>536</v>
      </c>
      <c r="B332" s="6" t="s">
        <v>614</v>
      </c>
      <c r="C332" s="6" t="s">
        <v>845</v>
      </c>
      <c r="D332" s="6" t="s">
        <v>300</v>
      </c>
      <c r="E332" s="7" t="s">
        <v>1119</v>
      </c>
      <c r="F332" s="5" t="s">
        <v>3</v>
      </c>
      <c r="G332" s="9" t="s">
        <v>4</v>
      </c>
      <c r="H332" s="9" t="s">
        <v>299</v>
      </c>
      <c r="I332" s="9" t="s">
        <v>4</v>
      </c>
      <c r="J332" s="9" t="s">
        <v>27</v>
      </c>
    </row>
    <row r="333" spans="1:10" ht="13.2" x14ac:dyDescent="0.45">
      <c r="A333" s="6" t="s">
        <v>536</v>
      </c>
      <c r="B333" s="6" t="s">
        <v>614</v>
      </c>
      <c r="C333" s="6" t="s">
        <v>824</v>
      </c>
      <c r="D333" s="6" t="s">
        <v>298</v>
      </c>
      <c r="E333" s="7" t="s">
        <v>367</v>
      </c>
      <c r="F333" s="5" t="s">
        <v>3</v>
      </c>
      <c r="G333" s="9" t="s">
        <v>4</v>
      </c>
      <c r="H333" s="9" t="s">
        <v>297</v>
      </c>
      <c r="I333" s="9" t="s">
        <v>4</v>
      </c>
      <c r="J333" s="9" t="s">
        <v>19</v>
      </c>
    </row>
    <row r="334" spans="1:10" ht="13.2" x14ac:dyDescent="0.45">
      <c r="A334" s="6" t="s">
        <v>536</v>
      </c>
      <c r="B334" s="6" t="s">
        <v>614</v>
      </c>
      <c r="C334" s="6" t="s">
        <v>824</v>
      </c>
      <c r="D334" s="6" t="s">
        <v>298</v>
      </c>
      <c r="E334" s="7" t="s">
        <v>385</v>
      </c>
      <c r="F334" s="5" t="s">
        <v>3</v>
      </c>
      <c r="G334" s="9" t="s">
        <v>4</v>
      </c>
      <c r="H334" s="9" t="s">
        <v>297</v>
      </c>
      <c r="I334" s="9" t="s">
        <v>4</v>
      </c>
      <c r="J334" s="9" t="s">
        <v>27</v>
      </c>
    </row>
    <row r="335" spans="1:10" ht="13.2" x14ac:dyDescent="0.45">
      <c r="A335" s="6" t="s">
        <v>536</v>
      </c>
      <c r="B335" s="6" t="s">
        <v>614</v>
      </c>
      <c r="C335" s="6" t="s">
        <v>823</v>
      </c>
      <c r="D335" s="6" t="s">
        <v>296</v>
      </c>
      <c r="E335" s="7" t="s">
        <v>367</v>
      </c>
      <c r="F335" s="5" t="s">
        <v>3</v>
      </c>
      <c r="G335" s="9" t="s">
        <v>4</v>
      </c>
      <c r="H335" s="9" t="s">
        <v>295</v>
      </c>
      <c r="I335" s="9" t="s">
        <v>4</v>
      </c>
      <c r="J335" s="9" t="s">
        <v>19</v>
      </c>
    </row>
    <row r="336" spans="1:10" ht="13.2" x14ac:dyDescent="0.45">
      <c r="A336" s="6" t="s">
        <v>536</v>
      </c>
      <c r="B336" s="6" t="s">
        <v>614</v>
      </c>
      <c r="C336" s="6" t="s">
        <v>822</v>
      </c>
      <c r="D336" s="6" t="s">
        <v>294</v>
      </c>
      <c r="E336" s="7" t="s">
        <v>367</v>
      </c>
      <c r="F336" s="5" t="s">
        <v>3</v>
      </c>
      <c r="G336" s="9" t="s">
        <v>4</v>
      </c>
      <c r="H336" s="9" t="s">
        <v>293</v>
      </c>
      <c r="I336" s="9" t="s">
        <v>4</v>
      </c>
      <c r="J336" s="9" t="s">
        <v>19</v>
      </c>
    </row>
    <row r="337" spans="1:10" ht="13.2" x14ac:dyDescent="0.45">
      <c r="A337" s="6" t="s">
        <v>536</v>
      </c>
      <c r="B337" s="6" t="s">
        <v>614</v>
      </c>
      <c r="C337" s="6" t="s">
        <v>821</v>
      </c>
      <c r="D337" s="6" t="s">
        <v>292</v>
      </c>
      <c r="E337" s="7" t="s">
        <v>367</v>
      </c>
      <c r="F337" s="5" t="s">
        <v>3</v>
      </c>
      <c r="G337" s="9" t="s">
        <v>4</v>
      </c>
      <c r="H337" s="9" t="s">
        <v>291</v>
      </c>
      <c r="I337" s="9" t="s">
        <v>4</v>
      </c>
      <c r="J337" s="9" t="s">
        <v>19</v>
      </c>
    </row>
    <row r="338" spans="1:10" ht="13.2" x14ac:dyDescent="0.45">
      <c r="A338" s="6" t="s">
        <v>536</v>
      </c>
      <c r="B338" s="6" t="s">
        <v>614</v>
      </c>
      <c r="C338" s="6" t="s">
        <v>828</v>
      </c>
      <c r="D338" s="6" t="s">
        <v>292</v>
      </c>
      <c r="E338" s="7" t="s">
        <v>385</v>
      </c>
      <c r="F338" s="5" t="s">
        <v>3</v>
      </c>
      <c r="G338" s="9" t="s">
        <v>4</v>
      </c>
      <c r="H338" s="9" t="s">
        <v>291</v>
      </c>
      <c r="I338" s="9" t="s">
        <v>4</v>
      </c>
      <c r="J338" s="9" t="s">
        <v>27</v>
      </c>
    </row>
    <row r="339" spans="1:10" ht="13.2" x14ac:dyDescent="0.45">
      <c r="A339" s="6" t="s">
        <v>536</v>
      </c>
      <c r="B339" s="6" t="s">
        <v>614</v>
      </c>
      <c r="C339" s="6" t="s">
        <v>820</v>
      </c>
      <c r="D339" s="6" t="s">
        <v>290</v>
      </c>
      <c r="E339" s="7" t="s">
        <v>367</v>
      </c>
      <c r="F339" s="5" t="s">
        <v>3</v>
      </c>
      <c r="G339" s="9" t="s">
        <v>4</v>
      </c>
      <c r="H339" s="9" t="s">
        <v>289</v>
      </c>
      <c r="I339" s="9" t="s">
        <v>4</v>
      </c>
      <c r="J339" s="9" t="s">
        <v>19</v>
      </c>
    </row>
    <row r="340" spans="1:10" ht="13.2" x14ac:dyDescent="0.45">
      <c r="A340" s="6" t="s">
        <v>576</v>
      </c>
      <c r="B340" s="6" t="s">
        <v>674</v>
      </c>
      <c r="C340" s="6" t="s">
        <v>900</v>
      </c>
      <c r="D340" s="6" t="s">
        <v>900</v>
      </c>
      <c r="E340" s="7" t="s">
        <v>1210</v>
      </c>
      <c r="F340" s="5" t="s">
        <v>3</v>
      </c>
      <c r="G340" s="9" t="s">
        <v>4</v>
      </c>
      <c r="H340" s="9" t="s">
        <v>444</v>
      </c>
      <c r="I340" s="9" t="s">
        <v>4</v>
      </c>
      <c r="J340" s="9" t="s">
        <v>19</v>
      </c>
    </row>
    <row r="341" spans="1:10" ht="13.2" x14ac:dyDescent="0.45">
      <c r="A341" s="6" t="s">
        <v>600</v>
      </c>
      <c r="B341" s="6" t="s">
        <v>699</v>
      </c>
      <c r="C341" s="6" t="s">
        <v>929</v>
      </c>
      <c r="D341" s="6" t="s">
        <v>929</v>
      </c>
      <c r="E341" s="7" t="s">
        <v>1237</v>
      </c>
      <c r="F341" s="5" t="s">
        <v>3</v>
      </c>
      <c r="G341" s="9" t="s">
        <v>4</v>
      </c>
      <c r="H341" s="9" t="s">
        <v>508</v>
      </c>
      <c r="I341" s="9" t="s">
        <v>4</v>
      </c>
      <c r="J341" s="9" t="s">
        <v>19</v>
      </c>
    </row>
    <row r="342" spans="1:10" ht="13.2" x14ac:dyDescent="0.45">
      <c r="A342" s="6" t="s">
        <v>600</v>
      </c>
      <c r="B342" s="6" t="s">
        <v>699</v>
      </c>
      <c r="C342" s="6" t="s">
        <v>929</v>
      </c>
      <c r="D342" s="6" t="s">
        <v>929</v>
      </c>
      <c r="E342" s="7" t="s">
        <v>1238</v>
      </c>
      <c r="F342" s="5" t="s">
        <v>3</v>
      </c>
      <c r="G342" s="9" t="s">
        <v>4</v>
      </c>
      <c r="H342" s="9" t="s">
        <v>508</v>
      </c>
      <c r="I342" s="9" t="s">
        <v>4</v>
      </c>
      <c r="J342" s="9" t="s">
        <v>27</v>
      </c>
    </row>
    <row r="343" spans="1:10" ht="13.2" x14ac:dyDescent="0.45">
      <c r="A343" s="6" t="s">
        <v>606</v>
      </c>
      <c r="B343" s="6" t="s">
        <v>706</v>
      </c>
      <c r="C343" s="6" t="s">
        <v>937</v>
      </c>
      <c r="D343" s="6" t="s">
        <v>937</v>
      </c>
      <c r="E343" s="7" t="s">
        <v>1248</v>
      </c>
      <c r="F343" s="5" t="s">
        <v>3</v>
      </c>
      <c r="G343" s="9" t="s">
        <v>4</v>
      </c>
      <c r="H343" s="9" t="s">
        <v>531</v>
      </c>
      <c r="I343" s="9" t="s">
        <v>4</v>
      </c>
      <c r="J343" s="9" t="s">
        <v>19</v>
      </c>
    </row>
    <row r="344" spans="1:10" ht="13.2" x14ac:dyDescent="0.45">
      <c r="A344" s="6" t="s">
        <v>536</v>
      </c>
      <c r="B344" s="6" t="s">
        <v>614</v>
      </c>
      <c r="C344" s="6" t="s">
        <v>819</v>
      </c>
      <c r="D344" s="6" t="s">
        <v>288</v>
      </c>
      <c r="E344" s="7" t="s">
        <v>367</v>
      </c>
      <c r="F344" s="5" t="s">
        <v>3</v>
      </c>
      <c r="G344" s="9" t="s">
        <v>4</v>
      </c>
      <c r="H344" s="9" t="s">
        <v>287</v>
      </c>
      <c r="I344" s="9" t="s">
        <v>4</v>
      </c>
      <c r="J344" s="9" t="s">
        <v>19</v>
      </c>
    </row>
    <row r="345" spans="1:10" ht="13.2" x14ac:dyDescent="0.45">
      <c r="A345" s="6" t="s">
        <v>536</v>
      </c>
      <c r="B345" s="6" t="s">
        <v>614</v>
      </c>
      <c r="C345" s="6" t="s">
        <v>818</v>
      </c>
      <c r="D345" s="6" t="s">
        <v>286</v>
      </c>
      <c r="E345" s="7" t="s">
        <v>367</v>
      </c>
      <c r="F345" s="5" t="s">
        <v>3</v>
      </c>
      <c r="G345" s="9" t="s">
        <v>4</v>
      </c>
      <c r="H345" s="9" t="s">
        <v>285</v>
      </c>
      <c r="I345" s="9" t="s">
        <v>4</v>
      </c>
      <c r="J345" s="9" t="s">
        <v>19</v>
      </c>
    </row>
    <row r="346" spans="1:10" ht="13.2" x14ac:dyDescent="0.45">
      <c r="A346" s="6" t="s">
        <v>536</v>
      </c>
      <c r="B346" s="6" t="s">
        <v>614</v>
      </c>
      <c r="C346" s="6" t="s">
        <v>817</v>
      </c>
      <c r="D346" s="6" t="s">
        <v>284</v>
      </c>
      <c r="E346" s="7" t="s">
        <v>367</v>
      </c>
      <c r="F346" s="5" t="s">
        <v>3</v>
      </c>
      <c r="G346" s="9" t="s">
        <v>4</v>
      </c>
      <c r="H346" s="9" t="s">
        <v>283</v>
      </c>
      <c r="I346" s="9" t="s">
        <v>4</v>
      </c>
      <c r="J346" s="9" t="s">
        <v>19</v>
      </c>
    </row>
    <row r="347" spans="1:10" ht="26.4" x14ac:dyDescent="0.45">
      <c r="A347" s="6" t="s">
        <v>536</v>
      </c>
      <c r="B347" s="6" t="s">
        <v>614</v>
      </c>
      <c r="C347" s="6" t="s">
        <v>816</v>
      </c>
      <c r="D347" s="6" t="s">
        <v>282</v>
      </c>
      <c r="E347" s="7" t="s">
        <v>367</v>
      </c>
      <c r="F347" s="5" t="s">
        <v>3</v>
      </c>
      <c r="G347" s="9" t="s">
        <v>4</v>
      </c>
      <c r="H347" s="9" t="s">
        <v>281</v>
      </c>
      <c r="I347" s="9" t="s">
        <v>4</v>
      </c>
      <c r="J347" s="9" t="s">
        <v>19</v>
      </c>
    </row>
    <row r="348" spans="1:10" ht="13.2" x14ac:dyDescent="0.45">
      <c r="A348" s="6" t="s">
        <v>536</v>
      </c>
      <c r="B348" s="6" t="s">
        <v>614</v>
      </c>
      <c r="C348" s="6" t="s">
        <v>815</v>
      </c>
      <c r="D348" s="6" t="s">
        <v>280</v>
      </c>
      <c r="E348" s="7" t="s">
        <v>367</v>
      </c>
      <c r="F348" s="5" t="s">
        <v>3</v>
      </c>
      <c r="G348" s="9" t="s">
        <v>4</v>
      </c>
      <c r="H348" s="9" t="s">
        <v>279</v>
      </c>
      <c r="I348" s="9" t="s">
        <v>4</v>
      </c>
      <c r="J348" s="9" t="s">
        <v>19</v>
      </c>
    </row>
    <row r="349" spans="1:10" ht="13.2" x14ac:dyDescent="0.45">
      <c r="A349" s="6" t="s">
        <v>536</v>
      </c>
      <c r="B349" s="6" t="s">
        <v>614</v>
      </c>
      <c r="C349" s="6" t="s">
        <v>815</v>
      </c>
      <c r="D349" s="6" t="s">
        <v>280</v>
      </c>
      <c r="E349" s="7" t="s">
        <v>1113</v>
      </c>
      <c r="F349" s="5" t="s">
        <v>3</v>
      </c>
      <c r="G349" s="9" t="s">
        <v>4</v>
      </c>
      <c r="H349" s="9" t="s">
        <v>279</v>
      </c>
      <c r="I349" s="9" t="s">
        <v>4</v>
      </c>
      <c r="J349" s="9" t="s">
        <v>27</v>
      </c>
    </row>
    <row r="350" spans="1:10" ht="13.2" x14ac:dyDescent="0.45">
      <c r="A350" s="6" t="s">
        <v>600</v>
      </c>
      <c r="B350" s="6" t="s">
        <v>699</v>
      </c>
      <c r="C350" s="6" t="s">
        <v>930</v>
      </c>
      <c r="D350" s="6" t="s">
        <v>930</v>
      </c>
      <c r="E350" s="7" t="s">
        <v>1239</v>
      </c>
      <c r="F350" s="5" t="s">
        <v>3</v>
      </c>
      <c r="G350" s="9" t="s">
        <v>4</v>
      </c>
      <c r="H350" s="9" t="s">
        <v>509</v>
      </c>
      <c r="I350" s="9" t="s">
        <v>4</v>
      </c>
      <c r="J350" s="9" t="s">
        <v>19</v>
      </c>
    </row>
    <row r="351" spans="1:10" ht="13.2" x14ac:dyDescent="0.45">
      <c r="A351" s="6" t="s">
        <v>536</v>
      </c>
      <c r="B351" s="6" t="s">
        <v>614</v>
      </c>
      <c r="C351" s="6" t="s">
        <v>814</v>
      </c>
      <c r="D351" s="6" t="s">
        <v>278</v>
      </c>
      <c r="E351" s="7" t="s">
        <v>367</v>
      </c>
      <c r="F351" s="5" t="s">
        <v>3</v>
      </c>
      <c r="G351" s="9" t="s">
        <v>4</v>
      </c>
      <c r="H351" s="9" t="s">
        <v>277</v>
      </c>
      <c r="I351" s="9" t="s">
        <v>4</v>
      </c>
      <c r="J351" s="9" t="s">
        <v>19</v>
      </c>
    </row>
    <row r="352" spans="1:10" ht="13.2" x14ac:dyDescent="0.45">
      <c r="A352" s="6" t="s">
        <v>576</v>
      </c>
      <c r="B352" s="6" t="s">
        <v>674</v>
      </c>
      <c r="C352" s="6" t="s">
        <v>903</v>
      </c>
      <c r="D352" s="6" t="s">
        <v>448</v>
      </c>
      <c r="E352" s="7" t="s">
        <v>367</v>
      </c>
      <c r="F352" s="5" t="s">
        <v>3</v>
      </c>
      <c r="G352" s="9" t="s">
        <v>4</v>
      </c>
      <c r="H352" s="9" t="s">
        <v>447</v>
      </c>
      <c r="I352" s="9" t="s">
        <v>4</v>
      </c>
      <c r="J352" s="9" t="s">
        <v>19</v>
      </c>
    </row>
    <row r="353" spans="1:10" ht="13.2" x14ac:dyDescent="0.45">
      <c r="A353" s="6" t="s">
        <v>536</v>
      </c>
      <c r="B353" s="6" t="s">
        <v>614</v>
      </c>
      <c r="C353" s="6" t="s">
        <v>813</v>
      </c>
      <c r="D353" s="6" t="s">
        <v>276</v>
      </c>
      <c r="E353" s="7" t="s">
        <v>367</v>
      </c>
      <c r="F353" s="5" t="s">
        <v>3</v>
      </c>
      <c r="G353" s="9" t="s">
        <v>4</v>
      </c>
      <c r="H353" s="9" t="s">
        <v>275</v>
      </c>
      <c r="I353" s="9" t="s">
        <v>4</v>
      </c>
      <c r="J353" s="9" t="s">
        <v>19</v>
      </c>
    </row>
    <row r="354" spans="1:10" ht="26.4" x14ac:dyDescent="0.45">
      <c r="A354" s="6" t="s">
        <v>536</v>
      </c>
      <c r="B354" s="6" t="s">
        <v>614</v>
      </c>
      <c r="C354" s="6" t="s">
        <v>812</v>
      </c>
      <c r="D354" s="6" t="s">
        <v>274</v>
      </c>
      <c r="E354" s="7" t="s">
        <v>367</v>
      </c>
      <c r="F354" s="5" t="s">
        <v>3</v>
      </c>
      <c r="G354" s="9" t="s">
        <v>4</v>
      </c>
      <c r="H354" s="9" t="s">
        <v>273</v>
      </c>
      <c r="I354" s="9" t="s">
        <v>4</v>
      </c>
      <c r="J354" s="9" t="s">
        <v>19</v>
      </c>
    </row>
    <row r="355" spans="1:10" ht="13.2" x14ac:dyDescent="0.45">
      <c r="A355" s="6" t="s">
        <v>536</v>
      </c>
      <c r="B355" s="6" t="s">
        <v>614</v>
      </c>
      <c r="C355" s="6" t="s">
        <v>811</v>
      </c>
      <c r="D355" s="6" t="s">
        <v>272</v>
      </c>
      <c r="E355" s="7" t="s">
        <v>367</v>
      </c>
      <c r="F355" s="5" t="s">
        <v>3</v>
      </c>
      <c r="G355" s="9" t="s">
        <v>4</v>
      </c>
      <c r="H355" s="9" t="s">
        <v>271</v>
      </c>
      <c r="I355" s="9" t="s">
        <v>4</v>
      </c>
      <c r="J355" s="9" t="s">
        <v>19</v>
      </c>
    </row>
    <row r="356" spans="1:10" ht="13.2" x14ac:dyDescent="0.45">
      <c r="A356" s="6" t="s">
        <v>536</v>
      </c>
      <c r="B356" s="6" t="s">
        <v>614</v>
      </c>
      <c r="C356" s="6" t="s">
        <v>810</v>
      </c>
      <c r="D356" s="6" t="s">
        <v>270</v>
      </c>
      <c r="E356" s="7" t="s">
        <v>367</v>
      </c>
      <c r="F356" s="5" t="s">
        <v>3</v>
      </c>
      <c r="G356" s="9" t="s">
        <v>4</v>
      </c>
      <c r="H356" s="9" t="s">
        <v>269</v>
      </c>
      <c r="I356" s="9" t="s">
        <v>4</v>
      </c>
      <c r="J356" s="9" t="s">
        <v>19</v>
      </c>
    </row>
    <row r="357" spans="1:10" ht="13.2" x14ac:dyDescent="0.45">
      <c r="A357" s="6" t="s">
        <v>536</v>
      </c>
      <c r="B357" s="6" t="s">
        <v>614</v>
      </c>
      <c r="C357" s="6" t="s">
        <v>809</v>
      </c>
      <c r="D357" s="6" t="s">
        <v>268</v>
      </c>
      <c r="E357" s="7" t="s">
        <v>367</v>
      </c>
      <c r="F357" s="5" t="s">
        <v>3</v>
      </c>
      <c r="G357" s="9" t="s">
        <v>4</v>
      </c>
      <c r="H357" s="9" t="s">
        <v>267</v>
      </c>
      <c r="I357" s="9" t="s">
        <v>4</v>
      </c>
      <c r="J357" s="9" t="s">
        <v>19</v>
      </c>
    </row>
    <row r="358" spans="1:10" ht="13.2" x14ac:dyDescent="0.45">
      <c r="A358" s="6" t="s">
        <v>536</v>
      </c>
      <c r="B358" s="6" t="s">
        <v>614</v>
      </c>
      <c r="C358" s="6" t="s">
        <v>831</v>
      </c>
      <c r="D358" s="6" t="s">
        <v>268</v>
      </c>
      <c r="E358" s="7" t="s">
        <v>385</v>
      </c>
      <c r="F358" s="5" t="s">
        <v>3</v>
      </c>
      <c r="G358" s="9" t="s">
        <v>4</v>
      </c>
      <c r="H358" s="9" t="s">
        <v>267</v>
      </c>
      <c r="I358" s="9" t="s">
        <v>4</v>
      </c>
      <c r="J358" s="9" t="s">
        <v>27</v>
      </c>
    </row>
    <row r="359" spans="1:10" ht="13.2" x14ac:dyDescent="0.45">
      <c r="A359" s="6" t="s">
        <v>536</v>
      </c>
      <c r="B359" s="6" t="s">
        <v>614</v>
      </c>
      <c r="C359" s="6" t="s">
        <v>806</v>
      </c>
      <c r="D359" s="6" t="s">
        <v>257</v>
      </c>
      <c r="E359" s="7" t="s">
        <v>367</v>
      </c>
      <c r="F359" s="5" t="s">
        <v>3</v>
      </c>
      <c r="G359" s="9" t="s">
        <v>4</v>
      </c>
      <c r="H359" s="9" t="s">
        <v>256</v>
      </c>
      <c r="I359" s="9" t="s">
        <v>4</v>
      </c>
      <c r="J359" s="9" t="s">
        <v>19</v>
      </c>
    </row>
    <row r="360" spans="1:10" ht="13.2" x14ac:dyDescent="0.45">
      <c r="A360" s="6" t="s">
        <v>536</v>
      </c>
      <c r="B360" s="6" t="s">
        <v>614</v>
      </c>
      <c r="C360" s="6" t="s">
        <v>805</v>
      </c>
      <c r="D360" s="6" t="s">
        <v>255</v>
      </c>
      <c r="E360" s="7" t="s">
        <v>367</v>
      </c>
      <c r="F360" s="5" t="s">
        <v>3</v>
      </c>
      <c r="G360" s="9" t="s">
        <v>4</v>
      </c>
      <c r="H360" s="9" t="s">
        <v>254</v>
      </c>
      <c r="I360" s="9" t="s">
        <v>4</v>
      </c>
      <c r="J360" s="9" t="s">
        <v>19</v>
      </c>
    </row>
    <row r="361" spans="1:10" ht="13.2" x14ac:dyDescent="0.45">
      <c r="A361" s="6" t="s">
        <v>600</v>
      </c>
      <c r="B361" s="6" t="s">
        <v>699</v>
      </c>
      <c r="C361" s="6" t="s">
        <v>931</v>
      </c>
      <c r="D361" s="6" t="s">
        <v>931</v>
      </c>
      <c r="E361" s="7" t="s">
        <v>1240</v>
      </c>
      <c r="F361" s="5" t="s">
        <v>3</v>
      </c>
      <c r="G361" s="9" t="s">
        <v>4</v>
      </c>
      <c r="H361" s="9" t="s">
        <v>510</v>
      </c>
      <c r="I361" s="9" t="s">
        <v>4</v>
      </c>
      <c r="J361" s="9" t="s">
        <v>19</v>
      </c>
    </row>
    <row r="362" spans="1:10" ht="13.2" x14ac:dyDescent="0.45">
      <c r="A362" s="6" t="s">
        <v>536</v>
      </c>
      <c r="B362" s="6" t="s">
        <v>614</v>
      </c>
      <c r="C362" s="6" t="s">
        <v>802</v>
      </c>
      <c r="D362" s="6" t="s">
        <v>250</v>
      </c>
      <c r="E362" s="7" t="s">
        <v>367</v>
      </c>
      <c r="F362" s="5" t="s">
        <v>3</v>
      </c>
      <c r="G362" s="9" t="s">
        <v>4</v>
      </c>
      <c r="H362" s="9" t="s">
        <v>249</v>
      </c>
      <c r="I362" s="9" t="s">
        <v>4</v>
      </c>
      <c r="J362" s="9" t="s">
        <v>19</v>
      </c>
    </row>
    <row r="363" spans="1:10" ht="13.2" x14ac:dyDescent="0.45">
      <c r="A363" s="6" t="s">
        <v>536</v>
      </c>
      <c r="B363" s="6" t="s">
        <v>614</v>
      </c>
      <c r="C363" s="6" t="s">
        <v>802</v>
      </c>
      <c r="D363" s="6" t="s">
        <v>250</v>
      </c>
      <c r="E363" s="7" t="s">
        <v>385</v>
      </c>
      <c r="F363" s="5" t="s">
        <v>3</v>
      </c>
      <c r="G363" s="9" t="s">
        <v>4</v>
      </c>
      <c r="H363" s="9" t="s">
        <v>249</v>
      </c>
      <c r="I363" s="9" t="s">
        <v>4</v>
      </c>
      <c r="J363" s="9" t="s">
        <v>27</v>
      </c>
    </row>
    <row r="364" spans="1:10" ht="13.2" x14ac:dyDescent="0.45">
      <c r="A364" s="6" t="s">
        <v>590</v>
      </c>
      <c r="B364" s="6" t="s">
        <v>689</v>
      </c>
      <c r="C364" s="6" t="s">
        <v>919</v>
      </c>
      <c r="D364" s="6" t="s">
        <v>1418</v>
      </c>
      <c r="E364" s="7" t="s">
        <v>1228</v>
      </c>
      <c r="F364" s="5" t="s">
        <v>3</v>
      </c>
      <c r="G364" s="9" t="s">
        <v>4</v>
      </c>
      <c r="H364" s="9" t="s">
        <v>494</v>
      </c>
      <c r="I364" s="9" t="s">
        <v>4</v>
      </c>
      <c r="J364" s="9" t="s">
        <v>19</v>
      </c>
    </row>
    <row r="365" spans="1:10" ht="13.2" x14ac:dyDescent="0.45">
      <c r="A365" s="6" t="s">
        <v>546</v>
      </c>
      <c r="B365" s="6" t="s">
        <v>632</v>
      </c>
      <c r="C365" s="6" t="s">
        <v>796</v>
      </c>
      <c r="D365" s="6" t="s">
        <v>236</v>
      </c>
      <c r="E365" s="7" t="s">
        <v>1078</v>
      </c>
      <c r="F365" s="5" t="s">
        <v>3</v>
      </c>
      <c r="G365" s="9" t="s">
        <v>4</v>
      </c>
      <c r="H365" s="9" t="s">
        <v>235</v>
      </c>
      <c r="I365" s="9" t="s">
        <v>4</v>
      </c>
      <c r="J365" s="9" t="s">
        <v>19</v>
      </c>
    </row>
    <row r="366" spans="1:10" ht="13.2" x14ac:dyDescent="0.45">
      <c r="A366" s="6" t="s">
        <v>546</v>
      </c>
      <c r="B366" s="6" t="s">
        <v>632</v>
      </c>
      <c r="C366" s="6" t="s">
        <v>849</v>
      </c>
      <c r="D366" s="6" t="s">
        <v>236</v>
      </c>
      <c r="E366" s="7" t="s">
        <v>367</v>
      </c>
      <c r="F366" s="5" t="s">
        <v>3</v>
      </c>
      <c r="G366" s="9" t="s">
        <v>4</v>
      </c>
      <c r="H366" s="9" t="s">
        <v>235</v>
      </c>
      <c r="I366" s="9" t="s">
        <v>4</v>
      </c>
      <c r="J366" s="9" t="s">
        <v>27</v>
      </c>
    </row>
    <row r="367" spans="1:10" ht="13.2" x14ac:dyDescent="0.45">
      <c r="A367" s="6" t="s">
        <v>546</v>
      </c>
      <c r="B367" s="6" t="s">
        <v>632</v>
      </c>
      <c r="C367" s="6" t="s">
        <v>793</v>
      </c>
      <c r="D367" s="6" t="s">
        <v>222</v>
      </c>
      <c r="E367" s="7" t="s">
        <v>1063</v>
      </c>
      <c r="F367" s="5" t="s">
        <v>3</v>
      </c>
      <c r="G367" s="9" t="s">
        <v>4</v>
      </c>
      <c r="H367" s="9" t="s">
        <v>221</v>
      </c>
      <c r="I367" s="9" t="s">
        <v>4</v>
      </c>
      <c r="J367" s="9" t="s">
        <v>19</v>
      </c>
    </row>
    <row r="368" spans="1:10" ht="13.2" x14ac:dyDescent="0.45">
      <c r="A368" s="6" t="s">
        <v>536</v>
      </c>
      <c r="B368" s="6" t="s">
        <v>614</v>
      </c>
      <c r="C368" s="6" t="s">
        <v>790</v>
      </c>
      <c r="D368" s="6" t="s">
        <v>218</v>
      </c>
      <c r="E368" s="7" t="s">
        <v>367</v>
      </c>
      <c r="F368" s="5" t="s">
        <v>3</v>
      </c>
      <c r="G368" s="9" t="s">
        <v>4</v>
      </c>
      <c r="H368" s="9" t="s">
        <v>217</v>
      </c>
      <c r="I368" s="9" t="s">
        <v>4</v>
      </c>
      <c r="J368" s="9" t="s">
        <v>19</v>
      </c>
    </row>
    <row r="369" spans="1:10" ht="13.2" x14ac:dyDescent="0.45">
      <c r="A369" s="6" t="s">
        <v>536</v>
      </c>
      <c r="B369" s="6" t="s">
        <v>614</v>
      </c>
      <c r="C369" s="6" t="s">
        <v>790</v>
      </c>
      <c r="D369" s="6" t="s">
        <v>218</v>
      </c>
      <c r="E369" s="7" t="s">
        <v>367</v>
      </c>
      <c r="F369" s="5" t="s">
        <v>3</v>
      </c>
      <c r="G369" s="9" t="s">
        <v>4</v>
      </c>
      <c r="H369" s="9" t="s">
        <v>217</v>
      </c>
      <c r="I369" s="9" t="s">
        <v>4</v>
      </c>
      <c r="J369" s="9" t="s">
        <v>27</v>
      </c>
    </row>
    <row r="370" spans="1:10" ht="13.2" x14ac:dyDescent="0.45">
      <c r="A370" s="6" t="s">
        <v>536</v>
      </c>
      <c r="B370" s="6" t="s">
        <v>614</v>
      </c>
      <c r="C370" s="6" t="s">
        <v>790</v>
      </c>
      <c r="D370" s="6" t="s">
        <v>218</v>
      </c>
      <c r="E370" s="7" t="s">
        <v>367</v>
      </c>
      <c r="F370" s="5" t="s">
        <v>3</v>
      </c>
      <c r="G370" s="9" t="s">
        <v>4</v>
      </c>
      <c r="H370" s="9" t="s">
        <v>217</v>
      </c>
      <c r="I370" s="9" t="s">
        <v>4</v>
      </c>
      <c r="J370" s="9" t="s">
        <v>89</v>
      </c>
    </row>
    <row r="371" spans="1:10" ht="13.2" x14ac:dyDescent="0.45">
      <c r="A371" s="6" t="s">
        <v>536</v>
      </c>
      <c r="B371" s="6" t="s">
        <v>614</v>
      </c>
      <c r="C371" s="6" t="s">
        <v>790</v>
      </c>
      <c r="D371" s="6" t="s">
        <v>218</v>
      </c>
      <c r="E371" s="7" t="s">
        <v>367</v>
      </c>
      <c r="F371" s="5" t="s">
        <v>3</v>
      </c>
      <c r="G371" s="9" t="s">
        <v>4</v>
      </c>
      <c r="H371" s="9" t="s">
        <v>217</v>
      </c>
      <c r="I371" s="9" t="s">
        <v>4</v>
      </c>
      <c r="J371" s="9" t="s">
        <v>90</v>
      </c>
    </row>
    <row r="372" spans="1:10" ht="13.2" x14ac:dyDescent="0.45">
      <c r="A372" s="6" t="s">
        <v>546</v>
      </c>
      <c r="B372" s="6" t="s">
        <v>632</v>
      </c>
      <c r="C372" s="6" t="s">
        <v>788</v>
      </c>
      <c r="D372" s="6" t="s">
        <v>215</v>
      </c>
      <c r="E372" s="7" t="s">
        <v>367</v>
      </c>
      <c r="F372" s="5" t="s">
        <v>3</v>
      </c>
      <c r="G372" s="9" t="s">
        <v>4</v>
      </c>
      <c r="H372" s="9" t="s">
        <v>214</v>
      </c>
      <c r="I372" s="9" t="s">
        <v>4</v>
      </c>
      <c r="J372" s="9" t="s">
        <v>19</v>
      </c>
    </row>
    <row r="373" spans="1:10" ht="13.2" x14ac:dyDescent="0.45">
      <c r="A373" s="6" t="s">
        <v>536</v>
      </c>
      <c r="B373" s="6" t="s">
        <v>614</v>
      </c>
      <c r="C373" s="6" t="s">
        <v>783</v>
      </c>
      <c r="D373" s="6" t="s">
        <v>196</v>
      </c>
      <c r="E373" s="7" t="s">
        <v>367</v>
      </c>
      <c r="F373" s="5" t="s">
        <v>3</v>
      </c>
      <c r="G373" s="9" t="s">
        <v>4</v>
      </c>
      <c r="H373" s="9" t="s">
        <v>195</v>
      </c>
      <c r="I373" s="9" t="s">
        <v>4</v>
      </c>
      <c r="J373" s="9" t="s">
        <v>19</v>
      </c>
    </row>
    <row r="374" spans="1:10" ht="13.2" x14ac:dyDescent="0.45">
      <c r="A374" s="6" t="s">
        <v>536</v>
      </c>
      <c r="B374" s="6" t="s">
        <v>614</v>
      </c>
      <c r="C374" s="6" t="s">
        <v>778</v>
      </c>
      <c r="D374" s="6" t="s">
        <v>186</v>
      </c>
      <c r="E374" s="7" t="s">
        <v>367</v>
      </c>
      <c r="F374" s="5" t="s">
        <v>3</v>
      </c>
      <c r="G374" s="9" t="s">
        <v>4</v>
      </c>
      <c r="H374" s="9" t="s">
        <v>185</v>
      </c>
      <c r="I374" s="9" t="s">
        <v>4</v>
      </c>
      <c r="J374" s="9" t="s">
        <v>19</v>
      </c>
    </row>
    <row r="375" spans="1:10" ht="13.2" x14ac:dyDescent="0.45">
      <c r="A375" s="6" t="s">
        <v>576</v>
      </c>
      <c r="B375" s="6" t="s">
        <v>674</v>
      </c>
      <c r="C375" s="6" t="s">
        <v>440</v>
      </c>
      <c r="D375" s="6" t="s">
        <v>440</v>
      </c>
      <c r="E375" s="7" t="s">
        <v>367</v>
      </c>
      <c r="F375" s="5" t="s">
        <v>3</v>
      </c>
      <c r="G375" s="9" t="s">
        <v>4</v>
      </c>
      <c r="H375" s="9" t="s">
        <v>439</v>
      </c>
      <c r="I375" s="9" t="s">
        <v>4</v>
      </c>
      <c r="J375" s="9" t="s">
        <v>19</v>
      </c>
    </row>
    <row r="376" spans="1:10" ht="13.2" x14ac:dyDescent="0.45">
      <c r="A376" s="6" t="s">
        <v>536</v>
      </c>
      <c r="B376" s="6" t="s">
        <v>614</v>
      </c>
      <c r="C376" s="6" t="s">
        <v>773</v>
      </c>
      <c r="D376" s="6" t="s">
        <v>172</v>
      </c>
      <c r="E376" s="7" t="s">
        <v>367</v>
      </c>
      <c r="F376" s="5" t="s">
        <v>3</v>
      </c>
      <c r="G376" s="9" t="s">
        <v>4</v>
      </c>
      <c r="H376" s="9" t="s">
        <v>171</v>
      </c>
      <c r="I376" s="9" t="s">
        <v>4</v>
      </c>
      <c r="J376" s="9" t="s">
        <v>19</v>
      </c>
    </row>
    <row r="377" spans="1:10" ht="13.2" x14ac:dyDescent="0.45">
      <c r="A377" s="6" t="s">
        <v>536</v>
      </c>
      <c r="B377" s="6" t="s">
        <v>614</v>
      </c>
      <c r="C377" s="6" t="s">
        <v>772</v>
      </c>
      <c r="D377" s="6" t="s">
        <v>170</v>
      </c>
      <c r="E377" s="7" t="s">
        <v>367</v>
      </c>
      <c r="F377" s="5" t="s">
        <v>3</v>
      </c>
      <c r="G377" s="9" t="s">
        <v>4</v>
      </c>
      <c r="H377" s="9" t="s">
        <v>169</v>
      </c>
      <c r="I377" s="9" t="s">
        <v>4</v>
      </c>
      <c r="J377" s="9" t="s">
        <v>19</v>
      </c>
    </row>
    <row r="378" spans="1:10" ht="13.2" x14ac:dyDescent="0.45">
      <c r="A378" s="6" t="s">
        <v>536</v>
      </c>
      <c r="B378" s="6" t="s">
        <v>614</v>
      </c>
      <c r="C378" s="6" t="s">
        <v>769</v>
      </c>
      <c r="D378" s="6" t="s">
        <v>165</v>
      </c>
      <c r="E378" s="7" t="s">
        <v>367</v>
      </c>
      <c r="F378" s="5" t="s">
        <v>3</v>
      </c>
      <c r="G378" s="9" t="s">
        <v>4</v>
      </c>
      <c r="H378" s="9" t="s">
        <v>164</v>
      </c>
      <c r="I378" s="9" t="s">
        <v>4</v>
      </c>
      <c r="J378" s="9" t="s">
        <v>19</v>
      </c>
    </row>
    <row r="379" spans="1:10" ht="13.2" x14ac:dyDescent="0.45">
      <c r="A379" s="6" t="s">
        <v>536</v>
      </c>
      <c r="B379" s="6" t="s">
        <v>614</v>
      </c>
      <c r="C379" s="6" t="s">
        <v>767</v>
      </c>
      <c r="D379" s="6" t="s">
        <v>162</v>
      </c>
      <c r="E379" s="7" t="s">
        <v>367</v>
      </c>
      <c r="F379" s="5" t="s">
        <v>3</v>
      </c>
      <c r="G379" s="9" t="s">
        <v>4</v>
      </c>
      <c r="H379" s="9" t="s">
        <v>161</v>
      </c>
      <c r="I379" s="9" t="s">
        <v>4</v>
      </c>
      <c r="J379" s="9" t="s">
        <v>19</v>
      </c>
    </row>
    <row r="380" spans="1:10" ht="13.2" x14ac:dyDescent="0.45">
      <c r="A380" s="6" t="s">
        <v>536</v>
      </c>
      <c r="B380" s="6" t="s">
        <v>614</v>
      </c>
      <c r="C380" s="6" t="s">
        <v>764</v>
      </c>
      <c r="D380" s="6" t="s">
        <v>152</v>
      </c>
      <c r="E380" s="7" t="s">
        <v>367</v>
      </c>
      <c r="F380" s="5" t="s">
        <v>3</v>
      </c>
      <c r="G380" s="9" t="s">
        <v>4</v>
      </c>
      <c r="H380" s="9" t="s">
        <v>151</v>
      </c>
      <c r="I380" s="9" t="s">
        <v>4</v>
      </c>
      <c r="J380" s="9" t="s">
        <v>19</v>
      </c>
    </row>
    <row r="381" spans="1:10" ht="13.2" x14ac:dyDescent="0.45">
      <c r="A381" s="6" t="s">
        <v>536</v>
      </c>
      <c r="B381" s="6" t="s">
        <v>614</v>
      </c>
      <c r="C381" s="6" t="s">
        <v>763</v>
      </c>
      <c r="D381" s="6" t="s">
        <v>148</v>
      </c>
      <c r="E381" s="7" t="s">
        <v>367</v>
      </c>
      <c r="F381" s="5" t="s">
        <v>3</v>
      </c>
      <c r="G381" s="9" t="s">
        <v>4</v>
      </c>
      <c r="H381" s="9" t="s">
        <v>147</v>
      </c>
      <c r="I381" s="9" t="s">
        <v>4</v>
      </c>
      <c r="J381" s="9" t="s">
        <v>19</v>
      </c>
    </row>
    <row r="382" spans="1:10" ht="13.2" x14ac:dyDescent="0.45">
      <c r="A382" s="6" t="s">
        <v>576</v>
      </c>
      <c r="B382" s="6" t="s">
        <v>674</v>
      </c>
      <c r="C382" s="6" t="s">
        <v>898</v>
      </c>
      <c r="D382" s="6" t="s">
        <v>442</v>
      </c>
      <c r="E382" s="7" t="s">
        <v>367</v>
      </c>
      <c r="F382" s="5" t="s">
        <v>3</v>
      </c>
      <c r="G382" s="9" t="s">
        <v>4</v>
      </c>
      <c r="H382" s="9" t="s">
        <v>441</v>
      </c>
      <c r="I382" s="9" t="s">
        <v>4</v>
      </c>
      <c r="J382" s="9" t="s">
        <v>19</v>
      </c>
    </row>
    <row r="383" spans="1:10" ht="13.2" x14ac:dyDescent="0.45">
      <c r="A383" s="6" t="s">
        <v>536</v>
      </c>
      <c r="B383" s="6" t="s">
        <v>614</v>
      </c>
      <c r="C383" s="6" t="s">
        <v>760</v>
      </c>
      <c r="D383" s="6" t="s">
        <v>145</v>
      </c>
      <c r="E383" s="7" t="s">
        <v>367</v>
      </c>
      <c r="F383" s="5" t="s">
        <v>3</v>
      </c>
      <c r="G383" s="9" t="s">
        <v>4</v>
      </c>
      <c r="H383" s="9" t="s">
        <v>144</v>
      </c>
      <c r="I383" s="9" t="s">
        <v>4</v>
      </c>
      <c r="J383" s="9" t="s">
        <v>19</v>
      </c>
    </row>
    <row r="384" spans="1:10" ht="13.2" x14ac:dyDescent="0.45">
      <c r="A384" s="6" t="s">
        <v>536</v>
      </c>
      <c r="B384" s="6" t="s">
        <v>614</v>
      </c>
      <c r="C384" s="6" t="s">
        <v>758</v>
      </c>
      <c r="D384" s="6" t="s">
        <v>142</v>
      </c>
      <c r="E384" s="7" t="s">
        <v>367</v>
      </c>
      <c r="F384" s="5" t="s">
        <v>3</v>
      </c>
      <c r="G384" s="9" t="s">
        <v>4</v>
      </c>
      <c r="H384" s="9" t="s">
        <v>141</v>
      </c>
      <c r="I384" s="9" t="s">
        <v>4</v>
      </c>
      <c r="J384" s="9" t="s">
        <v>19</v>
      </c>
    </row>
    <row r="385" spans="1:10" ht="13.2" x14ac:dyDescent="0.45">
      <c r="A385" s="6" t="s">
        <v>546</v>
      </c>
      <c r="B385" s="6" t="s">
        <v>632</v>
      </c>
      <c r="C385" s="6" t="s">
        <v>757</v>
      </c>
      <c r="D385" s="6" t="s">
        <v>140</v>
      </c>
      <c r="E385" s="7" t="s">
        <v>367</v>
      </c>
      <c r="F385" s="5" t="s">
        <v>3</v>
      </c>
      <c r="G385" s="9" t="s">
        <v>4</v>
      </c>
      <c r="H385" s="9" t="s">
        <v>139</v>
      </c>
      <c r="I385" s="9" t="s">
        <v>4</v>
      </c>
      <c r="J385" s="9" t="s">
        <v>19</v>
      </c>
    </row>
    <row r="386" spans="1:10" ht="13.2" x14ac:dyDescent="0.45">
      <c r="A386" s="6" t="s">
        <v>569</v>
      </c>
      <c r="B386" s="6" t="s">
        <v>667</v>
      </c>
      <c r="C386" s="6" t="s">
        <v>889</v>
      </c>
      <c r="D386" s="6" t="s">
        <v>431</v>
      </c>
      <c r="E386" s="7" t="s">
        <v>367</v>
      </c>
      <c r="F386" s="5" t="s">
        <v>3</v>
      </c>
      <c r="G386" s="9" t="s">
        <v>4</v>
      </c>
      <c r="H386" s="9" t="s">
        <v>430</v>
      </c>
      <c r="I386" s="9" t="s">
        <v>4</v>
      </c>
      <c r="J386" s="9" t="s">
        <v>19</v>
      </c>
    </row>
    <row r="387" spans="1:10" ht="13.2" x14ac:dyDescent="0.45">
      <c r="A387" s="6" t="s">
        <v>585</v>
      </c>
      <c r="B387" s="6" t="s">
        <v>684</v>
      </c>
      <c r="C387" s="6" t="s">
        <v>913</v>
      </c>
      <c r="D387" s="6" t="s">
        <v>913</v>
      </c>
      <c r="E387" s="7" t="s">
        <v>1221</v>
      </c>
      <c r="F387" s="5" t="s">
        <v>3</v>
      </c>
      <c r="G387" s="9" t="s">
        <v>4</v>
      </c>
      <c r="H387" s="9" t="s">
        <v>480</v>
      </c>
      <c r="I387" s="9" t="s">
        <v>4</v>
      </c>
      <c r="J387" s="9" t="s">
        <v>19</v>
      </c>
    </row>
    <row r="388" spans="1:10" ht="13.2" x14ac:dyDescent="0.45">
      <c r="A388" s="6" t="s">
        <v>536</v>
      </c>
      <c r="B388" s="6" t="s">
        <v>614</v>
      </c>
      <c r="C388" s="6" t="s">
        <v>751</v>
      </c>
      <c r="D388" s="6" t="s">
        <v>130</v>
      </c>
      <c r="E388" s="7" t="s">
        <v>367</v>
      </c>
      <c r="F388" s="5" t="s">
        <v>3</v>
      </c>
      <c r="G388" s="9" t="s">
        <v>4</v>
      </c>
      <c r="H388" s="9" t="s">
        <v>129</v>
      </c>
      <c r="I388" s="9" t="s">
        <v>4</v>
      </c>
      <c r="J388" s="9" t="s">
        <v>19</v>
      </c>
    </row>
    <row r="389" spans="1:10" ht="13.2" x14ac:dyDescent="0.45">
      <c r="A389" s="6" t="s">
        <v>576</v>
      </c>
      <c r="B389" s="6" t="s">
        <v>674</v>
      </c>
      <c r="C389" s="6" t="s">
        <v>902</v>
      </c>
      <c r="D389" s="6" t="s">
        <v>902</v>
      </c>
      <c r="E389" s="7" t="s">
        <v>367</v>
      </c>
      <c r="F389" s="5" t="s">
        <v>3</v>
      </c>
      <c r="G389" s="9" t="s">
        <v>4</v>
      </c>
      <c r="H389" s="9" t="s">
        <v>446</v>
      </c>
      <c r="I389" s="9" t="s">
        <v>4</v>
      </c>
      <c r="J389" s="9" t="s">
        <v>19</v>
      </c>
    </row>
    <row r="390" spans="1:10" ht="13.2" x14ac:dyDescent="0.45">
      <c r="A390" s="6" t="s">
        <v>576</v>
      </c>
      <c r="B390" s="6" t="s">
        <v>674</v>
      </c>
      <c r="C390" s="6" t="s">
        <v>902</v>
      </c>
      <c r="D390" s="6" t="s">
        <v>902</v>
      </c>
      <c r="E390" s="7" t="s">
        <v>1211</v>
      </c>
      <c r="F390" s="5" t="s">
        <v>3</v>
      </c>
      <c r="G390" s="9" t="s">
        <v>4</v>
      </c>
      <c r="H390" s="9" t="s">
        <v>446</v>
      </c>
      <c r="I390" s="9" t="s">
        <v>4</v>
      </c>
      <c r="J390" s="9" t="s">
        <v>27</v>
      </c>
    </row>
    <row r="391" spans="1:10" ht="13.2" x14ac:dyDescent="0.45">
      <c r="A391" s="6" t="s">
        <v>536</v>
      </c>
      <c r="B391" s="6" t="s">
        <v>614</v>
      </c>
      <c r="C391" s="6" t="s">
        <v>749</v>
      </c>
      <c r="D391" s="6" t="s">
        <v>127</v>
      </c>
      <c r="E391" s="7" t="s">
        <v>367</v>
      </c>
      <c r="F391" s="5" t="s">
        <v>3</v>
      </c>
      <c r="G391" s="9" t="s">
        <v>4</v>
      </c>
      <c r="H391" s="9" t="s">
        <v>126</v>
      </c>
      <c r="I391" s="9" t="s">
        <v>4</v>
      </c>
      <c r="J391" s="9" t="s">
        <v>19</v>
      </c>
    </row>
    <row r="392" spans="1:10" ht="13.2" x14ac:dyDescent="0.45">
      <c r="A392" s="6" t="s">
        <v>590</v>
      </c>
      <c r="B392" s="6" t="s">
        <v>689</v>
      </c>
      <c r="C392" s="6" t="s">
        <v>918</v>
      </c>
      <c r="D392" s="6" t="s">
        <v>1417</v>
      </c>
      <c r="E392" s="7" t="s">
        <v>1228</v>
      </c>
      <c r="F392" s="5" t="s">
        <v>3</v>
      </c>
      <c r="G392" s="9" t="s">
        <v>4</v>
      </c>
      <c r="H392" s="9" t="s">
        <v>500</v>
      </c>
      <c r="I392" s="9" t="s">
        <v>4</v>
      </c>
      <c r="J392" s="9" t="s">
        <v>19</v>
      </c>
    </row>
    <row r="393" spans="1:10" ht="13.2" x14ac:dyDescent="0.45">
      <c r="A393" s="6" t="s">
        <v>536</v>
      </c>
      <c r="B393" s="6" t="s">
        <v>614</v>
      </c>
      <c r="C393" s="6" t="s">
        <v>122</v>
      </c>
      <c r="D393" s="6" t="s">
        <v>122</v>
      </c>
      <c r="E393" s="7" t="s">
        <v>385</v>
      </c>
      <c r="F393" s="5" t="s">
        <v>3</v>
      </c>
      <c r="G393" s="9" t="s">
        <v>4</v>
      </c>
      <c r="H393" s="9" t="s">
        <v>121</v>
      </c>
      <c r="I393" s="9" t="s">
        <v>4</v>
      </c>
      <c r="J393" s="9" t="s">
        <v>19</v>
      </c>
    </row>
    <row r="394" spans="1:10" ht="13.2" x14ac:dyDescent="0.45">
      <c r="A394" s="6" t="s">
        <v>576</v>
      </c>
      <c r="B394" s="6" t="s">
        <v>674</v>
      </c>
      <c r="C394" s="6" t="s">
        <v>899</v>
      </c>
      <c r="D394" s="6" t="s">
        <v>899</v>
      </c>
      <c r="E394" s="7" t="s">
        <v>1209</v>
      </c>
      <c r="F394" s="5" t="s">
        <v>3</v>
      </c>
      <c r="G394" s="9" t="s">
        <v>4</v>
      </c>
      <c r="H394" s="9" t="s">
        <v>443</v>
      </c>
      <c r="I394" s="9" t="s">
        <v>4</v>
      </c>
      <c r="J394" s="9" t="s">
        <v>19</v>
      </c>
    </row>
    <row r="395" spans="1:10" ht="13.2" x14ac:dyDescent="0.45">
      <c r="A395" s="6" t="s">
        <v>576</v>
      </c>
      <c r="B395" s="6" t="s">
        <v>674</v>
      </c>
      <c r="C395" s="6" t="s">
        <v>897</v>
      </c>
      <c r="D395" s="6" t="s">
        <v>897</v>
      </c>
      <c r="E395" s="7" t="s">
        <v>1209</v>
      </c>
      <c r="F395" s="5" t="s">
        <v>3</v>
      </c>
      <c r="G395" s="9" t="s">
        <v>4</v>
      </c>
      <c r="H395" s="9" t="s">
        <v>438</v>
      </c>
      <c r="I395" s="9" t="s">
        <v>4</v>
      </c>
      <c r="J395" s="9" t="s">
        <v>189</v>
      </c>
    </row>
    <row r="396" spans="1:10" ht="13.2" x14ac:dyDescent="0.45">
      <c r="A396" s="6" t="s">
        <v>536</v>
      </c>
      <c r="B396" s="6" t="s">
        <v>614</v>
      </c>
      <c r="C396" s="6" t="s">
        <v>746</v>
      </c>
      <c r="D396" s="6" t="s">
        <v>120</v>
      </c>
      <c r="E396" s="7" t="s">
        <v>367</v>
      </c>
      <c r="F396" s="5" t="s">
        <v>3</v>
      </c>
      <c r="G396" s="9" t="s">
        <v>4</v>
      </c>
      <c r="H396" s="9" t="s">
        <v>119</v>
      </c>
      <c r="I396" s="9" t="s">
        <v>4</v>
      </c>
      <c r="J396" s="9" t="s">
        <v>19</v>
      </c>
    </row>
    <row r="397" spans="1:10" ht="13.2" x14ac:dyDescent="0.45">
      <c r="A397" s="6" t="s">
        <v>536</v>
      </c>
      <c r="B397" s="6" t="s">
        <v>614</v>
      </c>
      <c r="C397" s="6" t="s">
        <v>744</v>
      </c>
      <c r="D397" s="6" t="s">
        <v>117</v>
      </c>
      <c r="E397" s="7" t="s">
        <v>992</v>
      </c>
      <c r="F397" s="5" t="s">
        <v>3</v>
      </c>
      <c r="G397" s="9" t="s">
        <v>4</v>
      </c>
      <c r="H397" s="9" t="s">
        <v>116</v>
      </c>
      <c r="I397" s="9" t="s">
        <v>4</v>
      </c>
      <c r="J397" s="9" t="s">
        <v>19</v>
      </c>
    </row>
    <row r="398" spans="1:10" ht="13.2" x14ac:dyDescent="0.45">
      <c r="A398" s="6" t="s">
        <v>536</v>
      </c>
      <c r="B398" s="6" t="s">
        <v>614</v>
      </c>
      <c r="C398" s="6" t="s">
        <v>743</v>
      </c>
      <c r="D398" s="6" t="s">
        <v>114</v>
      </c>
      <c r="E398" s="7" t="s">
        <v>367</v>
      </c>
      <c r="F398" s="5" t="s">
        <v>3</v>
      </c>
      <c r="G398" s="9" t="s">
        <v>4</v>
      </c>
      <c r="H398" s="9" t="s">
        <v>113</v>
      </c>
      <c r="I398" s="9" t="s">
        <v>4</v>
      </c>
      <c r="J398" s="9" t="s">
        <v>19</v>
      </c>
    </row>
    <row r="399" spans="1:10" ht="13.2" x14ac:dyDescent="0.45">
      <c r="A399" s="6" t="s">
        <v>576</v>
      </c>
      <c r="B399" s="6" t="s">
        <v>674</v>
      </c>
      <c r="C399" s="6" t="s">
        <v>904</v>
      </c>
      <c r="D399" s="6" t="s">
        <v>450</v>
      </c>
      <c r="E399" s="7" t="s">
        <v>367</v>
      </c>
      <c r="F399" s="5" t="s">
        <v>3</v>
      </c>
      <c r="G399" s="9" t="s">
        <v>4</v>
      </c>
      <c r="H399" s="9" t="s">
        <v>449</v>
      </c>
      <c r="I399" s="9" t="s">
        <v>4</v>
      </c>
      <c r="J399" s="9" t="s">
        <v>19</v>
      </c>
    </row>
    <row r="400" spans="1:10" ht="13.2" x14ac:dyDescent="0.45">
      <c r="A400" s="6" t="s">
        <v>576</v>
      </c>
      <c r="B400" s="6" t="s">
        <v>674</v>
      </c>
      <c r="C400" s="6" t="s">
        <v>904</v>
      </c>
      <c r="D400" s="6" t="s">
        <v>450</v>
      </c>
      <c r="E400" s="7" t="s">
        <v>385</v>
      </c>
      <c r="F400" s="5" t="s">
        <v>3</v>
      </c>
      <c r="G400" s="9" t="s">
        <v>4</v>
      </c>
      <c r="H400" s="9" t="s">
        <v>449</v>
      </c>
      <c r="I400" s="9" t="s">
        <v>4</v>
      </c>
      <c r="J400" s="9" t="s">
        <v>27</v>
      </c>
    </row>
    <row r="401" spans="1:10" ht="13.2" x14ac:dyDescent="0.45">
      <c r="A401" s="6" t="s">
        <v>536</v>
      </c>
      <c r="B401" s="6" t="s">
        <v>614</v>
      </c>
      <c r="C401" s="6" t="s">
        <v>741</v>
      </c>
      <c r="D401" s="6" t="s">
        <v>111</v>
      </c>
      <c r="E401" s="7" t="s">
        <v>367</v>
      </c>
      <c r="F401" s="5" t="s">
        <v>3</v>
      </c>
      <c r="G401" s="9" t="s">
        <v>4</v>
      </c>
      <c r="H401" s="9" t="s">
        <v>110</v>
      </c>
      <c r="I401" s="9" t="s">
        <v>4</v>
      </c>
      <c r="J401" s="9" t="s">
        <v>19</v>
      </c>
    </row>
    <row r="402" spans="1:10" ht="26.4" x14ac:dyDescent="0.45">
      <c r="A402" s="6" t="s">
        <v>536</v>
      </c>
      <c r="B402" s="6" t="s">
        <v>614</v>
      </c>
      <c r="C402" s="6" t="s">
        <v>735</v>
      </c>
      <c r="D402" s="6" t="s">
        <v>100</v>
      </c>
      <c r="E402" s="7" t="s">
        <v>367</v>
      </c>
      <c r="F402" s="5" t="s">
        <v>3</v>
      </c>
      <c r="G402" s="9" t="s">
        <v>4</v>
      </c>
      <c r="H402" s="9" t="s">
        <v>99</v>
      </c>
      <c r="I402" s="9" t="s">
        <v>4</v>
      </c>
      <c r="J402" s="9" t="s">
        <v>19</v>
      </c>
    </row>
    <row r="403" spans="1:10" ht="13.2" x14ac:dyDescent="0.45">
      <c r="A403" s="6" t="s">
        <v>536</v>
      </c>
      <c r="B403" s="6" t="s">
        <v>614</v>
      </c>
      <c r="C403" s="6" t="s">
        <v>731</v>
      </c>
      <c r="D403" s="6" t="s">
        <v>87</v>
      </c>
      <c r="E403" s="7" t="s">
        <v>367</v>
      </c>
      <c r="F403" s="5" t="s">
        <v>3</v>
      </c>
      <c r="G403" s="9" t="s">
        <v>4</v>
      </c>
      <c r="H403" s="9" t="s">
        <v>86</v>
      </c>
      <c r="I403" s="9" t="s">
        <v>4</v>
      </c>
      <c r="J403" s="9" t="s">
        <v>19</v>
      </c>
    </row>
    <row r="404" spans="1:10" ht="13.2" x14ac:dyDescent="0.45">
      <c r="A404" s="6" t="s">
        <v>536</v>
      </c>
      <c r="B404" s="6" t="s">
        <v>614</v>
      </c>
      <c r="C404" s="6" t="s">
        <v>730</v>
      </c>
      <c r="D404" s="6" t="s">
        <v>85</v>
      </c>
      <c r="E404" s="7" t="s">
        <v>367</v>
      </c>
      <c r="F404" s="5" t="s">
        <v>3</v>
      </c>
      <c r="G404" s="9" t="s">
        <v>4</v>
      </c>
      <c r="H404" s="9" t="s">
        <v>84</v>
      </c>
      <c r="I404" s="9" t="s">
        <v>4</v>
      </c>
      <c r="J404" s="9" t="s">
        <v>19</v>
      </c>
    </row>
    <row r="405" spans="1:10" ht="13.2" x14ac:dyDescent="0.45">
      <c r="A405" s="6" t="s">
        <v>536</v>
      </c>
      <c r="B405" s="6" t="s">
        <v>614</v>
      </c>
      <c r="C405" s="6" t="s">
        <v>720</v>
      </c>
      <c r="D405" s="6" t="s">
        <v>47</v>
      </c>
      <c r="E405" s="7" t="s">
        <v>367</v>
      </c>
      <c r="F405" s="5" t="s">
        <v>3</v>
      </c>
      <c r="G405" s="9" t="s">
        <v>4</v>
      </c>
      <c r="H405" s="9" t="s">
        <v>46</v>
      </c>
      <c r="I405" s="9" t="s">
        <v>4</v>
      </c>
      <c r="J405" s="9" t="s">
        <v>19</v>
      </c>
    </row>
    <row r="406" spans="1:10" ht="13.2" x14ac:dyDescent="0.45">
      <c r="A406" s="6" t="s">
        <v>536</v>
      </c>
      <c r="B406" s="6" t="s">
        <v>614</v>
      </c>
      <c r="C406" s="6" t="s">
        <v>715</v>
      </c>
      <c r="D406" s="6" t="s">
        <v>34</v>
      </c>
      <c r="E406" s="7" t="s">
        <v>367</v>
      </c>
      <c r="F406" s="5" t="s">
        <v>3</v>
      </c>
      <c r="G406" s="9" t="s">
        <v>4</v>
      </c>
      <c r="H406" s="9" t="s">
        <v>33</v>
      </c>
      <c r="I406" s="9" t="s">
        <v>4</v>
      </c>
      <c r="J406" s="9" t="s">
        <v>19</v>
      </c>
    </row>
    <row r="407" spans="1:10" ht="13.2" x14ac:dyDescent="0.45">
      <c r="A407" s="6" t="s">
        <v>536</v>
      </c>
      <c r="B407" s="6" t="s">
        <v>614</v>
      </c>
      <c r="C407" s="6" t="s">
        <v>715</v>
      </c>
      <c r="D407" s="6" t="s">
        <v>34</v>
      </c>
      <c r="E407" s="7" t="s">
        <v>1117</v>
      </c>
      <c r="F407" s="5" t="s">
        <v>3</v>
      </c>
      <c r="G407" s="9" t="s">
        <v>4</v>
      </c>
      <c r="H407" s="9" t="s">
        <v>33</v>
      </c>
      <c r="I407" s="9" t="s">
        <v>4</v>
      </c>
      <c r="J407" s="9" t="s">
        <v>27</v>
      </c>
    </row>
    <row r="408" spans="1:10" ht="13.2" x14ac:dyDescent="0.45">
      <c r="A408" s="6" t="s">
        <v>533</v>
      </c>
      <c r="B408" s="6" t="s">
        <v>609</v>
      </c>
      <c r="C408" s="6" t="s">
        <v>710</v>
      </c>
      <c r="D408" s="6" t="s">
        <v>1253</v>
      </c>
      <c r="E408" s="7" t="s">
        <v>943</v>
      </c>
      <c r="F408" s="5" t="s">
        <v>3</v>
      </c>
      <c r="G408" s="9" t="s">
        <v>4</v>
      </c>
      <c r="H408" s="9" t="s">
        <v>18</v>
      </c>
      <c r="I408" s="9" t="s">
        <v>4</v>
      </c>
      <c r="J408" s="9" t="s">
        <v>19</v>
      </c>
    </row>
    <row r="409" spans="1:10" ht="13.2" x14ac:dyDescent="0.45">
      <c r="A409" s="6" t="s">
        <v>561</v>
      </c>
      <c r="B409" s="6" t="s">
        <v>657</v>
      </c>
      <c r="C409" s="6" t="s">
        <v>861</v>
      </c>
      <c r="D409" s="6" t="s">
        <v>1366</v>
      </c>
      <c r="E409" s="7" t="s">
        <v>1141</v>
      </c>
      <c r="F409" s="5" t="s">
        <v>3</v>
      </c>
      <c r="G409" s="9" t="s">
        <v>4</v>
      </c>
      <c r="H409" s="9" t="s">
        <v>332</v>
      </c>
      <c r="I409" s="9" t="s">
        <v>4</v>
      </c>
      <c r="J409" s="9" t="s">
        <v>6</v>
      </c>
    </row>
    <row r="410" spans="1:10" ht="13.2" x14ac:dyDescent="0.45">
      <c r="A410" s="6" t="s">
        <v>561</v>
      </c>
      <c r="B410" s="6" t="s">
        <v>657</v>
      </c>
      <c r="C410" s="6" t="s">
        <v>862</v>
      </c>
      <c r="D410" s="6" t="s">
        <v>1367</v>
      </c>
      <c r="E410" s="7" t="s">
        <v>1142</v>
      </c>
      <c r="F410" s="5" t="s">
        <v>3</v>
      </c>
      <c r="G410" s="9" t="s">
        <v>4</v>
      </c>
      <c r="H410" s="9" t="s">
        <v>335</v>
      </c>
      <c r="I410" s="9" t="s">
        <v>4</v>
      </c>
      <c r="J410" s="9" t="s">
        <v>28</v>
      </c>
    </row>
    <row r="411" spans="1:10" ht="13.2" x14ac:dyDescent="0.45">
      <c r="A411" s="6" t="s">
        <v>561</v>
      </c>
      <c r="B411" s="6" t="s">
        <v>657</v>
      </c>
      <c r="C411" s="6" t="s">
        <v>863</v>
      </c>
      <c r="D411" s="6" t="s">
        <v>1368</v>
      </c>
      <c r="E411" s="7" t="s">
        <v>1143</v>
      </c>
      <c r="F411" s="5" t="s">
        <v>3</v>
      </c>
      <c r="G411" s="9" t="s">
        <v>4</v>
      </c>
      <c r="H411" s="9" t="s">
        <v>336</v>
      </c>
      <c r="I411" s="9" t="s">
        <v>4</v>
      </c>
      <c r="J411" s="9" t="s">
        <v>337</v>
      </c>
    </row>
    <row r="412" spans="1:10" ht="13.2" x14ac:dyDescent="0.45">
      <c r="A412" s="6" t="s">
        <v>561</v>
      </c>
      <c r="B412" s="6" t="s">
        <v>657</v>
      </c>
      <c r="C412" s="6" t="s">
        <v>864</v>
      </c>
      <c r="D412" s="6" t="s">
        <v>1369</v>
      </c>
      <c r="E412" s="7" t="s">
        <v>1144</v>
      </c>
      <c r="F412" s="5" t="s">
        <v>3</v>
      </c>
      <c r="G412" s="9" t="s">
        <v>4</v>
      </c>
      <c r="H412" s="9" t="s">
        <v>338</v>
      </c>
      <c r="I412" s="9" t="s">
        <v>4</v>
      </c>
      <c r="J412" s="9" t="s">
        <v>21</v>
      </c>
    </row>
    <row r="413" spans="1:10" ht="13.2" x14ac:dyDescent="0.45">
      <c r="A413" s="6" t="s">
        <v>561</v>
      </c>
      <c r="B413" s="6" t="s">
        <v>657</v>
      </c>
      <c r="C413" s="6" t="s">
        <v>865</v>
      </c>
      <c r="D413" s="6" t="s">
        <v>1370</v>
      </c>
      <c r="E413" s="7" t="s">
        <v>1145</v>
      </c>
      <c r="F413" s="5" t="s">
        <v>3</v>
      </c>
      <c r="G413" s="9" t="s">
        <v>4</v>
      </c>
      <c r="H413" s="9" t="s">
        <v>339</v>
      </c>
      <c r="I413" s="9" t="s">
        <v>4</v>
      </c>
      <c r="J413" s="9" t="s">
        <v>21</v>
      </c>
    </row>
    <row r="414" spans="1:10" ht="13.2" x14ac:dyDescent="0.45">
      <c r="A414" s="6" t="s">
        <v>561</v>
      </c>
      <c r="B414" s="6" t="s">
        <v>657</v>
      </c>
      <c r="C414" s="6" t="s">
        <v>865</v>
      </c>
      <c r="D414" s="6" t="s">
        <v>1370</v>
      </c>
      <c r="E414" s="7" t="s">
        <v>1150</v>
      </c>
      <c r="F414" s="5" t="s">
        <v>3</v>
      </c>
      <c r="G414" s="9" t="s">
        <v>4</v>
      </c>
      <c r="H414" s="9" t="s">
        <v>339</v>
      </c>
      <c r="I414" s="9" t="s">
        <v>4</v>
      </c>
      <c r="J414" s="9" t="s">
        <v>24</v>
      </c>
    </row>
    <row r="415" spans="1:10" ht="13.2" x14ac:dyDescent="0.45">
      <c r="A415" s="6" t="s">
        <v>561</v>
      </c>
      <c r="B415" s="6" t="s">
        <v>657</v>
      </c>
      <c r="C415" s="6" t="s">
        <v>865</v>
      </c>
      <c r="D415" s="6" t="s">
        <v>1370</v>
      </c>
      <c r="E415" s="7" t="s">
        <v>1151</v>
      </c>
      <c r="F415" s="5" t="s">
        <v>3</v>
      </c>
      <c r="G415" s="9" t="s">
        <v>4</v>
      </c>
      <c r="H415" s="9" t="s">
        <v>339</v>
      </c>
      <c r="I415" s="9" t="s">
        <v>4</v>
      </c>
      <c r="J415" s="9" t="s">
        <v>28</v>
      </c>
    </row>
    <row r="416" spans="1:10" ht="13.2" x14ac:dyDescent="0.45">
      <c r="A416" s="6" t="s">
        <v>561</v>
      </c>
      <c r="B416" s="6" t="s">
        <v>657</v>
      </c>
      <c r="C416" s="6" t="s">
        <v>865</v>
      </c>
      <c r="D416" s="6" t="s">
        <v>1371</v>
      </c>
      <c r="E416" s="7" t="s">
        <v>1148</v>
      </c>
      <c r="F416" s="5" t="s">
        <v>3</v>
      </c>
      <c r="G416" s="9" t="s">
        <v>4</v>
      </c>
      <c r="H416" s="9" t="s">
        <v>339</v>
      </c>
      <c r="I416" s="9" t="s">
        <v>4</v>
      </c>
      <c r="J416" s="9" t="s">
        <v>232</v>
      </c>
    </row>
    <row r="417" spans="1:10" ht="13.2" x14ac:dyDescent="0.45">
      <c r="A417" s="6" t="s">
        <v>562</v>
      </c>
      <c r="B417" s="6" t="s">
        <v>658</v>
      </c>
      <c r="C417" s="6" t="s">
        <v>866</v>
      </c>
      <c r="D417" s="6" t="s">
        <v>1372</v>
      </c>
      <c r="E417" s="7" t="s">
        <v>1149</v>
      </c>
      <c r="F417" s="5" t="s">
        <v>3</v>
      </c>
      <c r="G417" s="9" t="s">
        <v>4</v>
      </c>
      <c r="H417" s="9" t="s">
        <v>339</v>
      </c>
      <c r="I417" s="9" t="s">
        <v>4</v>
      </c>
      <c r="J417" s="9" t="s">
        <v>78</v>
      </c>
    </row>
    <row r="418" spans="1:10" ht="13.2" x14ac:dyDescent="0.45">
      <c r="A418" s="6" t="s">
        <v>561</v>
      </c>
      <c r="B418" s="6" t="s">
        <v>657</v>
      </c>
      <c r="C418" s="6" t="s">
        <v>865</v>
      </c>
      <c r="D418" s="6" t="s">
        <v>1370</v>
      </c>
      <c r="E418" s="7" t="s">
        <v>1146</v>
      </c>
      <c r="F418" s="5" t="s">
        <v>3</v>
      </c>
      <c r="G418" s="9" t="s">
        <v>4</v>
      </c>
      <c r="H418" s="9" t="s">
        <v>339</v>
      </c>
      <c r="I418" s="9" t="s">
        <v>4</v>
      </c>
      <c r="J418" s="9" t="s">
        <v>38</v>
      </c>
    </row>
    <row r="419" spans="1:10" ht="13.2" x14ac:dyDescent="0.45">
      <c r="A419" s="6" t="s">
        <v>561</v>
      </c>
      <c r="B419" s="6" t="s">
        <v>657</v>
      </c>
      <c r="C419" s="6" t="s">
        <v>865</v>
      </c>
      <c r="D419" s="6" t="s">
        <v>1370</v>
      </c>
      <c r="E419" s="7" t="s">
        <v>1147</v>
      </c>
      <c r="F419" s="5" t="s">
        <v>3</v>
      </c>
      <c r="G419" s="9" t="s">
        <v>4</v>
      </c>
      <c r="H419" s="9" t="s">
        <v>339</v>
      </c>
      <c r="I419" s="9" t="s">
        <v>4</v>
      </c>
      <c r="J419" s="9" t="s">
        <v>36</v>
      </c>
    </row>
    <row r="420" spans="1:10" ht="13.2" x14ac:dyDescent="0.45">
      <c r="A420" s="6" t="s">
        <v>563</v>
      </c>
      <c r="B420" s="6" t="s">
        <v>659</v>
      </c>
      <c r="C420" s="6" t="s">
        <v>867</v>
      </c>
      <c r="D420" s="6" t="s">
        <v>1373</v>
      </c>
      <c r="E420" s="7" t="s">
        <v>1152</v>
      </c>
      <c r="F420" s="5" t="s">
        <v>3</v>
      </c>
      <c r="G420" s="9" t="s">
        <v>4</v>
      </c>
      <c r="H420" s="9" t="s">
        <v>339</v>
      </c>
      <c r="I420" s="9" t="s">
        <v>4</v>
      </c>
      <c r="J420" s="9" t="s">
        <v>340</v>
      </c>
    </row>
    <row r="421" spans="1:10" ht="13.2" x14ac:dyDescent="0.45">
      <c r="A421" s="6" t="s">
        <v>561</v>
      </c>
      <c r="B421" s="6" t="s">
        <v>657</v>
      </c>
      <c r="C421" s="6" t="s">
        <v>868</v>
      </c>
      <c r="D421" s="6" t="s">
        <v>1374</v>
      </c>
      <c r="E421" s="7" t="s">
        <v>473</v>
      </c>
      <c r="F421" s="5" t="s">
        <v>3</v>
      </c>
      <c r="G421" s="9" t="s">
        <v>4</v>
      </c>
      <c r="H421" s="9" t="s">
        <v>341</v>
      </c>
      <c r="I421" s="9" t="s">
        <v>4</v>
      </c>
      <c r="J421" s="9" t="s">
        <v>20</v>
      </c>
    </row>
    <row r="422" spans="1:10" ht="13.2" x14ac:dyDescent="0.45">
      <c r="A422" s="6" t="s">
        <v>561</v>
      </c>
      <c r="B422" s="6" t="s">
        <v>657</v>
      </c>
      <c r="C422" s="6" t="s">
        <v>872</v>
      </c>
      <c r="D422" s="6" t="s">
        <v>1380</v>
      </c>
      <c r="E422" s="7" t="s">
        <v>1159</v>
      </c>
      <c r="F422" s="5" t="s">
        <v>3</v>
      </c>
      <c r="G422" s="9" t="s">
        <v>4</v>
      </c>
      <c r="H422" s="9" t="s">
        <v>344</v>
      </c>
      <c r="I422" s="9" t="s">
        <v>4</v>
      </c>
      <c r="J422" s="9" t="s">
        <v>21</v>
      </c>
    </row>
    <row r="423" spans="1:10" ht="13.2" x14ac:dyDescent="0.45">
      <c r="A423" s="6" t="s">
        <v>561</v>
      </c>
      <c r="B423" s="6" t="s">
        <v>657</v>
      </c>
      <c r="C423" s="6" t="s">
        <v>873</v>
      </c>
      <c r="D423" s="6" t="s">
        <v>1381</v>
      </c>
      <c r="E423" s="7" t="s">
        <v>1160</v>
      </c>
      <c r="F423" s="5" t="s">
        <v>3</v>
      </c>
      <c r="G423" s="9" t="s">
        <v>4</v>
      </c>
      <c r="H423" s="9" t="s">
        <v>345</v>
      </c>
      <c r="I423" s="9" t="s">
        <v>4</v>
      </c>
      <c r="J423" s="9" t="s">
        <v>28</v>
      </c>
    </row>
    <row r="424" spans="1:10" ht="13.2" x14ac:dyDescent="0.45">
      <c r="A424" s="6" t="s">
        <v>561</v>
      </c>
      <c r="B424" s="6" t="s">
        <v>657</v>
      </c>
      <c r="C424" s="6" t="s">
        <v>873</v>
      </c>
      <c r="D424" s="6" t="s">
        <v>1382</v>
      </c>
      <c r="E424" s="7" t="s">
        <v>1161</v>
      </c>
      <c r="F424" s="5" t="s">
        <v>3</v>
      </c>
      <c r="G424" s="9" t="s">
        <v>4</v>
      </c>
      <c r="H424" s="9" t="s">
        <v>345</v>
      </c>
      <c r="I424" s="9" t="s">
        <v>4</v>
      </c>
      <c r="J424" s="9" t="s">
        <v>346</v>
      </c>
    </row>
    <row r="425" spans="1:10" ht="13.2" x14ac:dyDescent="0.45">
      <c r="A425" s="6" t="s">
        <v>594</v>
      </c>
      <c r="B425" s="6" t="s">
        <v>693</v>
      </c>
      <c r="C425" s="6" t="s">
        <v>923</v>
      </c>
      <c r="D425" s="6" t="s">
        <v>1421</v>
      </c>
      <c r="E425" s="7" t="s">
        <v>1231</v>
      </c>
      <c r="F425" s="5" t="s">
        <v>3</v>
      </c>
      <c r="G425" s="9" t="s">
        <v>4</v>
      </c>
      <c r="H425" s="9" t="s">
        <v>503</v>
      </c>
      <c r="I425" s="9" t="s">
        <v>4</v>
      </c>
      <c r="J425" s="9" t="s">
        <v>474</v>
      </c>
    </row>
    <row r="426" spans="1:10" ht="26.4" x14ac:dyDescent="0.45">
      <c r="A426" s="6" t="s">
        <v>564</v>
      </c>
      <c r="B426" s="6" t="s">
        <v>661</v>
      </c>
      <c r="C426" s="6" t="s">
        <v>875</v>
      </c>
      <c r="D426" s="6" t="s">
        <v>1384</v>
      </c>
      <c r="E426" s="7" t="s">
        <v>1163</v>
      </c>
      <c r="F426" s="5" t="s">
        <v>3</v>
      </c>
      <c r="G426" s="9" t="s">
        <v>4</v>
      </c>
      <c r="H426" s="9" t="s">
        <v>347</v>
      </c>
      <c r="I426" s="9" t="s">
        <v>4</v>
      </c>
      <c r="J426" s="9" t="s">
        <v>6</v>
      </c>
    </row>
    <row r="427" spans="1:10" ht="13.2" x14ac:dyDescent="0.45">
      <c r="A427" s="6" t="s">
        <v>561</v>
      </c>
      <c r="B427" s="6" t="s">
        <v>657</v>
      </c>
      <c r="C427" s="6" t="s">
        <v>874</v>
      </c>
      <c r="D427" s="6" t="s">
        <v>1383</v>
      </c>
      <c r="E427" s="7" t="s">
        <v>1162</v>
      </c>
      <c r="F427" s="5" t="s">
        <v>3</v>
      </c>
      <c r="G427" s="9" t="s">
        <v>4</v>
      </c>
      <c r="H427" s="9" t="s">
        <v>347</v>
      </c>
      <c r="I427" s="9" t="s">
        <v>4</v>
      </c>
      <c r="J427" s="9" t="s">
        <v>24</v>
      </c>
    </row>
    <row r="428" spans="1:10" ht="13.2" x14ac:dyDescent="0.45">
      <c r="A428" s="6" t="s">
        <v>561</v>
      </c>
      <c r="B428" s="6" t="s">
        <v>657</v>
      </c>
      <c r="C428" s="6" t="s">
        <v>876</v>
      </c>
      <c r="D428" s="6" t="s">
        <v>1386</v>
      </c>
      <c r="E428" s="7" t="s">
        <v>1170</v>
      </c>
      <c r="F428" s="5" t="s">
        <v>3</v>
      </c>
      <c r="G428" s="9" t="s">
        <v>4</v>
      </c>
      <c r="H428" s="9" t="s">
        <v>348</v>
      </c>
      <c r="I428" s="9" t="s">
        <v>4</v>
      </c>
      <c r="J428" s="9" t="s">
        <v>21</v>
      </c>
    </row>
    <row r="429" spans="1:10" ht="13.2" x14ac:dyDescent="0.45">
      <c r="A429" s="6" t="s">
        <v>561</v>
      </c>
      <c r="B429" s="6" t="s">
        <v>657</v>
      </c>
      <c r="C429" s="6" t="s">
        <v>876</v>
      </c>
      <c r="D429" s="6" t="s">
        <v>1385</v>
      </c>
      <c r="E429" s="7" t="s">
        <v>1164</v>
      </c>
      <c r="F429" s="5" t="s">
        <v>3</v>
      </c>
      <c r="G429" s="9" t="s">
        <v>4</v>
      </c>
      <c r="H429" s="9" t="s">
        <v>348</v>
      </c>
      <c r="I429" s="9" t="s">
        <v>4</v>
      </c>
      <c r="J429" s="9" t="s">
        <v>24</v>
      </c>
    </row>
    <row r="430" spans="1:10" ht="13.2" x14ac:dyDescent="0.45">
      <c r="A430" s="6" t="s">
        <v>561</v>
      </c>
      <c r="B430" s="6" t="s">
        <v>657</v>
      </c>
      <c r="C430" s="6" t="s">
        <v>876</v>
      </c>
      <c r="D430" s="6" t="s">
        <v>1386</v>
      </c>
      <c r="E430" s="7" t="s">
        <v>1165</v>
      </c>
      <c r="F430" s="5" t="s">
        <v>3</v>
      </c>
      <c r="G430" s="9" t="s">
        <v>4</v>
      </c>
      <c r="H430" s="9" t="s">
        <v>348</v>
      </c>
      <c r="I430" s="9" t="s">
        <v>4</v>
      </c>
      <c r="J430" s="9" t="s">
        <v>28</v>
      </c>
    </row>
    <row r="431" spans="1:10" ht="13.2" x14ac:dyDescent="0.45">
      <c r="A431" s="6" t="s">
        <v>561</v>
      </c>
      <c r="B431" s="6" t="s">
        <v>657</v>
      </c>
      <c r="C431" s="6" t="s">
        <v>876</v>
      </c>
      <c r="D431" s="6" t="s">
        <v>1386</v>
      </c>
      <c r="E431" s="7" t="s">
        <v>1169</v>
      </c>
      <c r="F431" s="5" t="s">
        <v>3</v>
      </c>
      <c r="G431" s="9" t="s">
        <v>4</v>
      </c>
      <c r="H431" s="9" t="s">
        <v>348</v>
      </c>
      <c r="I431" s="9" t="s">
        <v>4</v>
      </c>
      <c r="J431" s="9" t="s">
        <v>232</v>
      </c>
    </row>
    <row r="432" spans="1:10" ht="13.2" x14ac:dyDescent="0.45">
      <c r="A432" s="6" t="s">
        <v>333</v>
      </c>
      <c r="B432" s="6" t="s">
        <v>334</v>
      </c>
      <c r="C432" s="6" t="s">
        <v>526</v>
      </c>
      <c r="D432" s="6" t="s">
        <v>1396</v>
      </c>
      <c r="E432" s="7" t="s">
        <v>527</v>
      </c>
      <c r="F432" s="5" t="s">
        <v>3</v>
      </c>
      <c r="G432" s="9" t="s">
        <v>4</v>
      </c>
      <c r="H432" s="9" t="s">
        <v>521</v>
      </c>
      <c r="I432" s="9" t="s">
        <v>4</v>
      </c>
      <c r="J432" s="9" t="s">
        <v>489</v>
      </c>
    </row>
    <row r="433" spans="1:10" ht="13.2" x14ac:dyDescent="0.45">
      <c r="A433" s="6" t="s">
        <v>333</v>
      </c>
      <c r="B433" s="6" t="s">
        <v>334</v>
      </c>
      <c r="C433" s="6" t="s">
        <v>427</v>
      </c>
      <c r="D433" s="6" t="s">
        <v>507</v>
      </c>
      <c r="E433" s="7" t="s">
        <v>1216</v>
      </c>
      <c r="F433" s="5" t="s">
        <v>3</v>
      </c>
      <c r="G433" s="9" t="s">
        <v>4</v>
      </c>
      <c r="H433" s="9" t="s">
        <v>344</v>
      </c>
      <c r="I433" s="9" t="s">
        <v>4</v>
      </c>
      <c r="J433" s="9" t="s">
        <v>505</v>
      </c>
    </row>
    <row r="434" spans="1:10" ht="13.2" x14ac:dyDescent="0.45">
      <c r="A434" s="6" t="s">
        <v>333</v>
      </c>
      <c r="B434" s="6" t="s">
        <v>334</v>
      </c>
      <c r="C434" s="6" t="s">
        <v>887</v>
      </c>
      <c r="D434" s="6" t="s">
        <v>475</v>
      </c>
      <c r="E434" s="7" t="s">
        <v>1194</v>
      </c>
      <c r="F434" s="5" t="s">
        <v>3</v>
      </c>
      <c r="G434" s="9" t="s">
        <v>4</v>
      </c>
      <c r="H434" s="9" t="s">
        <v>345</v>
      </c>
      <c r="I434" s="9" t="s">
        <v>4</v>
      </c>
      <c r="J434" s="9" t="s">
        <v>499</v>
      </c>
    </row>
    <row r="435" spans="1:10" ht="13.2" x14ac:dyDescent="0.45">
      <c r="A435" s="6" t="s">
        <v>333</v>
      </c>
      <c r="B435" s="6" t="s">
        <v>334</v>
      </c>
      <c r="C435" s="6" t="s">
        <v>428</v>
      </c>
      <c r="D435" s="6" t="s">
        <v>475</v>
      </c>
      <c r="E435" s="7" t="s">
        <v>1217</v>
      </c>
      <c r="F435" s="5" t="s">
        <v>3</v>
      </c>
      <c r="G435" s="9" t="s">
        <v>4</v>
      </c>
      <c r="H435" s="9" t="s">
        <v>345</v>
      </c>
      <c r="I435" s="9" t="s">
        <v>4</v>
      </c>
      <c r="J435" s="9" t="s">
        <v>474</v>
      </c>
    </row>
    <row r="436" spans="1:10" ht="26.4" x14ac:dyDescent="0.45">
      <c r="A436" s="6" t="s">
        <v>557</v>
      </c>
      <c r="B436" s="6" t="s">
        <v>653</v>
      </c>
      <c r="C436" s="6" t="s">
        <v>843</v>
      </c>
      <c r="D436" s="6" t="s">
        <v>1343</v>
      </c>
      <c r="E436" s="7" t="s">
        <v>400</v>
      </c>
      <c r="F436" s="5" t="s">
        <v>3</v>
      </c>
      <c r="G436" s="9" t="s">
        <v>4</v>
      </c>
      <c r="H436" s="9" t="s">
        <v>316</v>
      </c>
      <c r="I436" s="9" t="s">
        <v>4</v>
      </c>
      <c r="J436" s="9" t="s">
        <v>19</v>
      </c>
    </row>
    <row r="437" spans="1:10" ht="26.4" x14ac:dyDescent="0.45">
      <c r="A437" s="6" t="s">
        <v>573</v>
      </c>
      <c r="B437" s="6" t="s">
        <v>671</v>
      </c>
      <c r="C437" s="6" t="s">
        <v>894</v>
      </c>
      <c r="D437" s="6" t="s">
        <v>1402</v>
      </c>
      <c r="E437" s="7" t="s">
        <v>1205</v>
      </c>
      <c r="F437" s="5" t="s">
        <v>3</v>
      </c>
      <c r="G437" s="9" t="s">
        <v>4</v>
      </c>
      <c r="H437" s="9" t="s">
        <v>316</v>
      </c>
      <c r="I437" s="9" t="s">
        <v>4</v>
      </c>
      <c r="J437" s="9" t="s">
        <v>27</v>
      </c>
    </row>
    <row r="438" spans="1:10" ht="26.4" x14ac:dyDescent="0.45">
      <c r="A438" s="6" t="s">
        <v>557</v>
      </c>
      <c r="B438" s="6" t="s">
        <v>653</v>
      </c>
      <c r="C438" s="6" t="s">
        <v>842</v>
      </c>
      <c r="D438" s="6" t="s">
        <v>1342</v>
      </c>
      <c r="E438" s="7" t="s">
        <v>1112</v>
      </c>
      <c r="F438" s="5" t="s">
        <v>3</v>
      </c>
      <c r="G438" s="9" t="s">
        <v>4</v>
      </c>
      <c r="H438" s="9" t="s">
        <v>315</v>
      </c>
      <c r="I438" s="9" t="s">
        <v>4</v>
      </c>
      <c r="J438" s="9" t="s">
        <v>19</v>
      </c>
    </row>
    <row r="439" spans="1:10" ht="105.6" x14ac:dyDescent="0.45">
      <c r="A439" s="6" t="s">
        <v>557</v>
      </c>
      <c r="B439" s="6" t="s">
        <v>653</v>
      </c>
      <c r="C439" s="6" t="s">
        <v>841</v>
      </c>
      <c r="D439" s="6" t="s">
        <v>1341</v>
      </c>
      <c r="E439" s="7" t="s">
        <v>1111</v>
      </c>
      <c r="F439" s="5" t="s">
        <v>3</v>
      </c>
      <c r="G439" s="9" t="s">
        <v>4</v>
      </c>
      <c r="H439" s="9" t="s">
        <v>314</v>
      </c>
      <c r="I439" s="9" t="s">
        <v>4</v>
      </c>
      <c r="J439" s="9" t="s">
        <v>19</v>
      </c>
    </row>
    <row r="440" spans="1:10" ht="26.4" x14ac:dyDescent="0.45">
      <c r="A440" s="6" t="s">
        <v>557</v>
      </c>
      <c r="B440" s="6" t="s">
        <v>653</v>
      </c>
      <c r="C440" s="6" t="s">
        <v>841</v>
      </c>
      <c r="D440" s="6" t="s">
        <v>1378</v>
      </c>
      <c r="E440" s="7" t="s">
        <v>1157</v>
      </c>
      <c r="F440" s="5" t="s">
        <v>3</v>
      </c>
      <c r="G440" s="9" t="s">
        <v>4</v>
      </c>
      <c r="H440" s="9" t="s">
        <v>314</v>
      </c>
      <c r="I440" s="9" t="s">
        <v>4</v>
      </c>
      <c r="J440" s="9" t="s">
        <v>27</v>
      </c>
    </row>
    <row r="441" spans="1:10" ht="26.4" x14ac:dyDescent="0.45">
      <c r="A441" s="6" t="s">
        <v>556</v>
      </c>
      <c r="B441" s="6" t="s">
        <v>652</v>
      </c>
      <c r="C441" s="6" t="s">
        <v>840</v>
      </c>
      <c r="D441" s="6" t="s">
        <v>1340</v>
      </c>
      <c r="E441" s="7" t="s">
        <v>1110</v>
      </c>
      <c r="F441" s="5" t="s">
        <v>3</v>
      </c>
      <c r="G441" s="9" t="s">
        <v>4</v>
      </c>
      <c r="H441" s="9" t="s">
        <v>313</v>
      </c>
      <c r="I441" s="9" t="s">
        <v>4</v>
      </c>
      <c r="J441" s="9" t="s">
        <v>19</v>
      </c>
    </row>
    <row r="442" spans="1:10" ht="26.4" x14ac:dyDescent="0.45">
      <c r="A442" s="6" t="s">
        <v>556</v>
      </c>
      <c r="B442" s="6" t="s">
        <v>652</v>
      </c>
      <c r="C442" s="6" t="s">
        <v>840</v>
      </c>
      <c r="D442" s="6" t="s">
        <v>1340</v>
      </c>
      <c r="E442" s="7" t="s">
        <v>1155</v>
      </c>
      <c r="F442" s="5" t="s">
        <v>3</v>
      </c>
      <c r="G442" s="9" t="s">
        <v>4</v>
      </c>
      <c r="H442" s="9" t="s">
        <v>313</v>
      </c>
      <c r="I442" s="9" t="s">
        <v>4</v>
      </c>
      <c r="J442" s="9" t="s">
        <v>27</v>
      </c>
    </row>
    <row r="443" spans="1:10" ht="39.6" x14ac:dyDescent="0.45">
      <c r="A443" s="6" t="s">
        <v>556</v>
      </c>
      <c r="B443" s="6" t="s">
        <v>652</v>
      </c>
      <c r="C443" s="6" t="s">
        <v>837</v>
      </c>
      <c r="D443" s="6" t="s">
        <v>1339</v>
      </c>
      <c r="E443" s="7" t="s">
        <v>1104</v>
      </c>
      <c r="F443" s="5" t="s">
        <v>3</v>
      </c>
      <c r="G443" s="9" t="s">
        <v>4</v>
      </c>
      <c r="H443" s="9" t="s">
        <v>311</v>
      </c>
      <c r="I443" s="9" t="s">
        <v>4</v>
      </c>
      <c r="J443" s="9" t="s">
        <v>19</v>
      </c>
    </row>
    <row r="444" spans="1:10" ht="26.4" x14ac:dyDescent="0.45">
      <c r="A444" s="6" t="s">
        <v>556</v>
      </c>
      <c r="B444" s="6" t="s">
        <v>652</v>
      </c>
      <c r="C444" s="6" t="s">
        <v>870</v>
      </c>
      <c r="D444" s="6" t="s">
        <v>1376</v>
      </c>
      <c r="E444" s="7" t="s">
        <v>1153</v>
      </c>
      <c r="F444" s="5" t="s">
        <v>3</v>
      </c>
      <c r="G444" s="9" t="s">
        <v>4</v>
      </c>
      <c r="H444" s="9" t="s">
        <v>311</v>
      </c>
      <c r="I444" s="9" t="s">
        <v>4</v>
      </c>
      <c r="J444" s="9" t="s">
        <v>27</v>
      </c>
    </row>
    <row r="445" spans="1:10" ht="39.6" x14ac:dyDescent="0.45">
      <c r="A445" s="6" t="s">
        <v>556</v>
      </c>
      <c r="B445" s="6" t="s">
        <v>652</v>
      </c>
      <c r="C445" s="6" t="s">
        <v>871</v>
      </c>
      <c r="D445" s="6" t="s">
        <v>1377</v>
      </c>
      <c r="E445" s="7" t="s">
        <v>1154</v>
      </c>
      <c r="F445" s="5" t="s">
        <v>3</v>
      </c>
      <c r="G445" s="9" t="s">
        <v>4</v>
      </c>
      <c r="H445" s="9" t="s">
        <v>311</v>
      </c>
      <c r="I445" s="9" t="s">
        <v>4</v>
      </c>
      <c r="J445" s="9" t="s">
        <v>89</v>
      </c>
    </row>
    <row r="446" spans="1:10" ht="26.4" x14ac:dyDescent="0.45">
      <c r="A446" s="6" t="s">
        <v>544</v>
      </c>
      <c r="B446" s="6" t="s">
        <v>630</v>
      </c>
      <c r="C446" s="6" t="s">
        <v>755</v>
      </c>
      <c r="D446" s="6" t="s">
        <v>1291</v>
      </c>
      <c r="E446" s="7" t="s">
        <v>1003</v>
      </c>
      <c r="F446" s="5" t="s">
        <v>3</v>
      </c>
      <c r="G446" s="9" t="s">
        <v>4</v>
      </c>
      <c r="H446" s="9" t="s">
        <v>134</v>
      </c>
      <c r="I446" s="9" t="s">
        <v>4</v>
      </c>
      <c r="J446" s="9" t="s">
        <v>135</v>
      </c>
    </row>
    <row r="447" spans="1:10" ht="26.4" x14ac:dyDescent="0.45">
      <c r="A447" s="6" t="s">
        <v>545</v>
      </c>
      <c r="B447" s="6" t="s">
        <v>631</v>
      </c>
      <c r="C447" s="6" t="s">
        <v>756</v>
      </c>
      <c r="D447" s="6" t="s">
        <v>1292</v>
      </c>
      <c r="E447" s="7" t="s">
        <v>1004</v>
      </c>
      <c r="F447" s="5" t="s">
        <v>3</v>
      </c>
      <c r="G447" s="9" t="s">
        <v>4</v>
      </c>
      <c r="H447" s="9" t="s">
        <v>134</v>
      </c>
      <c r="I447" s="9" t="s">
        <v>4</v>
      </c>
      <c r="J447" s="9" t="s">
        <v>136</v>
      </c>
    </row>
    <row r="448" spans="1:10" ht="26.4" x14ac:dyDescent="0.45">
      <c r="A448" s="6" t="s">
        <v>545</v>
      </c>
      <c r="B448" s="6" t="s">
        <v>631</v>
      </c>
      <c r="C448" s="6" t="s">
        <v>756</v>
      </c>
      <c r="D448" s="6" t="s">
        <v>1293</v>
      </c>
      <c r="E448" s="7" t="s">
        <v>1005</v>
      </c>
      <c r="F448" s="5" t="s">
        <v>3</v>
      </c>
      <c r="G448" s="9" t="s">
        <v>4</v>
      </c>
      <c r="H448" s="9" t="s">
        <v>134</v>
      </c>
      <c r="I448" s="9" t="s">
        <v>4</v>
      </c>
      <c r="J448" s="9" t="s">
        <v>137</v>
      </c>
    </row>
    <row r="449" spans="1:10" ht="26.4" x14ac:dyDescent="0.45">
      <c r="A449" s="6" t="s">
        <v>545</v>
      </c>
      <c r="B449" s="6" t="s">
        <v>631</v>
      </c>
      <c r="C449" s="6" t="s">
        <v>756</v>
      </c>
      <c r="D449" s="6" t="s">
        <v>1294</v>
      </c>
      <c r="E449" s="7" t="s">
        <v>1006</v>
      </c>
      <c r="F449" s="5" t="s">
        <v>3</v>
      </c>
      <c r="G449" s="9" t="s">
        <v>4</v>
      </c>
      <c r="H449" s="9" t="s">
        <v>134</v>
      </c>
      <c r="I449" s="9" t="s">
        <v>4</v>
      </c>
      <c r="J449" s="9" t="s">
        <v>138</v>
      </c>
    </row>
    <row r="450" spans="1:10" ht="30" customHeight="1" x14ac:dyDescent="0.45">
      <c r="A450" s="6"/>
      <c r="B450" s="6"/>
      <c r="C450" s="6"/>
      <c r="D450" s="6"/>
      <c r="E450" s="7"/>
      <c r="F450" s="5"/>
      <c r="G450" s="9"/>
      <c r="H450" s="9"/>
      <c r="I450" s="9"/>
      <c r="J450" s="9"/>
    </row>
    <row r="451" spans="1:10" ht="30" customHeight="1" x14ac:dyDescent="0.45">
      <c r="A451" s="6"/>
      <c r="B451" s="6"/>
      <c r="C451" s="6"/>
      <c r="D451" s="6"/>
      <c r="E451" s="7"/>
      <c r="F451" s="5"/>
      <c r="G451" s="9"/>
      <c r="H451" s="9"/>
      <c r="I451" s="9"/>
      <c r="J451" s="9"/>
    </row>
    <row r="452" spans="1:10" ht="30" customHeight="1" x14ac:dyDescent="0.45">
      <c r="A452" s="6"/>
      <c r="B452" s="6"/>
      <c r="C452" s="6"/>
      <c r="D452" s="6"/>
      <c r="E452" s="7"/>
      <c r="F452" s="5"/>
      <c r="G452" s="9"/>
      <c r="H452" s="9"/>
      <c r="I452" s="9"/>
      <c r="J452" s="9"/>
    </row>
    <row r="453" spans="1:10" ht="30" customHeight="1" x14ac:dyDescent="0.45">
      <c r="A453" s="6"/>
      <c r="B453" s="6"/>
      <c r="C453" s="6"/>
      <c r="D453" s="6"/>
      <c r="E453" s="7"/>
      <c r="F453" s="5"/>
      <c r="G453" s="9"/>
      <c r="H453" s="9"/>
      <c r="I453" s="9"/>
      <c r="J453" s="9"/>
    </row>
    <row r="454" spans="1:10" ht="30" customHeight="1" x14ac:dyDescent="0.45">
      <c r="A454" s="6"/>
      <c r="B454" s="6"/>
      <c r="C454" s="6"/>
      <c r="D454" s="6"/>
      <c r="E454" s="7"/>
      <c r="F454" s="5"/>
      <c r="G454" s="9"/>
      <c r="H454" s="9"/>
      <c r="I454" s="9"/>
      <c r="J454" s="9"/>
    </row>
    <row r="455" spans="1:10" ht="30" customHeight="1" x14ac:dyDescent="0.45">
      <c r="A455" s="6"/>
      <c r="B455" s="6"/>
      <c r="C455" s="6"/>
      <c r="D455" s="6"/>
      <c r="E455" s="7"/>
      <c r="F455" s="5"/>
      <c r="G455" s="9"/>
      <c r="H455" s="9"/>
      <c r="I455" s="9"/>
      <c r="J455" s="9"/>
    </row>
    <row r="456" spans="1:10" ht="30" customHeight="1" x14ac:dyDescent="0.45">
      <c r="A456" s="6"/>
      <c r="B456" s="6"/>
      <c r="C456" s="6"/>
      <c r="D456" s="6"/>
      <c r="E456" s="7"/>
      <c r="F456" s="5"/>
      <c r="G456" s="9"/>
      <c r="H456" s="9"/>
      <c r="I456" s="9"/>
      <c r="J456" s="9"/>
    </row>
    <row r="457" spans="1:10" ht="30" customHeight="1" x14ac:dyDescent="0.45">
      <c r="A457" s="6"/>
      <c r="B457" s="6"/>
      <c r="C457" s="6"/>
      <c r="D457" s="6"/>
      <c r="E457" s="7"/>
      <c r="F457" s="5"/>
      <c r="G457" s="9"/>
      <c r="H457" s="9"/>
      <c r="I457" s="9"/>
      <c r="J457" s="9"/>
    </row>
    <row r="458" spans="1:10" ht="30" customHeight="1" x14ac:dyDescent="0.45">
      <c r="A458" s="6"/>
      <c r="B458" s="6"/>
      <c r="C458" s="6"/>
      <c r="D458" s="6"/>
      <c r="E458" s="7"/>
      <c r="F458" s="5"/>
      <c r="G458" s="9"/>
      <c r="H458" s="9"/>
      <c r="I458" s="9"/>
      <c r="J458" s="9"/>
    </row>
    <row r="459" spans="1:10" ht="30" customHeight="1" x14ac:dyDescent="0.45">
      <c r="A459" s="6"/>
      <c r="B459" s="6"/>
      <c r="C459" s="6"/>
      <c r="D459" s="6"/>
      <c r="E459" s="7"/>
      <c r="F459" s="5"/>
      <c r="G459" s="9"/>
      <c r="H459" s="9"/>
      <c r="I459" s="9"/>
      <c r="J459" s="9"/>
    </row>
    <row r="460" spans="1:10" ht="30" customHeight="1" x14ac:dyDescent="0.45">
      <c r="A460" s="6"/>
      <c r="B460" s="6"/>
      <c r="C460" s="6"/>
      <c r="D460" s="6"/>
      <c r="E460" s="7"/>
      <c r="F460" s="5"/>
      <c r="G460" s="9"/>
      <c r="H460" s="9"/>
      <c r="I460" s="9"/>
      <c r="J460" s="9"/>
    </row>
    <row r="461" spans="1:10" ht="30" customHeight="1" x14ac:dyDescent="0.45">
      <c r="A461" s="6"/>
      <c r="B461" s="6"/>
      <c r="C461" s="6"/>
      <c r="D461" s="6"/>
      <c r="E461" s="7"/>
      <c r="F461" s="5"/>
      <c r="G461" s="9"/>
      <c r="H461" s="9"/>
      <c r="I461" s="9"/>
      <c r="J461" s="9"/>
    </row>
    <row r="462" spans="1:10" ht="30" customHeight="1" x14ac:dyDescent="0.45">
      <c r="A462" s="6"/>
      <c r="B462" s="6"/>
      <c r="C462" s="6"/>
      <c r="D462" s="6"/>
      <c r="E462" s="7"/>
      <c r="F462" s="5"/>
      <c r="G462" s="9"/>
      <c r="H462" s="9"/>
      <c r="I462" s="9"/>
      <c r="J462" s="9"/>
    </row>
    <row r="463" spans="1:10" ht="30" customHeight="1" x14ac:dyDescent="0.45">
      <c r="A463" s="6"/>
      <c r="B463" s="6"/>
      <c r="C463" s="6"/>
      <c r="D463" s="6"/>
      <c r="E463" s="7"/>
      <c r="F463" s="5"/>
      <c r="G463" s="9"/>
      <c r="H463" s="9"/>
      <c r="I463" s="9"/>
      <c r="J463" s="9"/>
    </row>
    <row r="464" spans="1:10" ht="30" customHeight="1" x14ac:dyDescent="0.45">
      <c r="A464" s="6"/>
      <c r="B464" s="6"/>
      <c r="C464" s="6"/>
      <c r="D464" s="6"/>
      <c r="E464" s="7"/>
      <c r="F464" s="5"/>
      <c r="G464" s="9"/>
      <c r="H464" s="9"/>
      <c r="I464" s="9"/>
      <c r="J464" s="9"/>
    </row>
    <row r="465" spans="1:10" ht="30" customHeight="1" x14ac:dyDescent="0.45">
      <c r="A465" s="6"/>
      <c r="B465" s="6"/>
      <c r="C465" s="6"/>
      <c r="D465" s="6"/>
      <c r="E465" s="7"/>
      <c r="F465" s="5"/>
      <c r="G465" s="9"/>
      <c r="H465" s="9"/>
      <c r="I465" s="9"/>
      <c r="J465" s="9"/>
    </row>
    <row r="466" spans="1:10" ht="30" customHeight="1" x14ac:dyDescent="0.45">
      <c r="A466" s="6"/>
      <c r="B466" s="6"/>
      <c r="C466" s="6"/>
      <c r="D466" s="6"/>
      <c r="E466" s="7"/>
      <c r="F466" s="5"/>
      <c r="G466" s="9"/>
      <c r="H466" s="9"/>
      <c r="I466" s="9"/>
      <c r="J466" s="9"/>
    </row>
    <row r="467" spans="1:10" ht="30" customHeight="1" x14ac:dyDescent="0.45">
      <c r="A467" s="6"/>
      <c r="B467" s="6"/>
      <c r="C467" s="6"/>
      <c r="D467" s="6"/>
      <c r="E467" s="7"/>
      <c r="F467" s="5"/>
      <c r="G467" s="9"/>
      <c r="H467" s="9"/>
      <c r="I467" s="9"/>
      <c r="J467" s="9"/>
    </row>
    <row r="468" spans="1:10" ht="30" customHeight="1" x14ac:dyDescent="0.45">
      <c r="A468" s="6"/>
      <c r="B468" s="6"/>
      <c r="C468" s="6"/>
      <c r="D468" s="6"/>
      <c r="E468" s="7"/>
      <c r="F468" s="5"/>
      <c r="G468" s="9"/>
      <c r="H468" s="9"/>
      <c r="I468" s="9"/>
      <c r="J468" s="9"/>
    </row>
    <row r="469" spans="1:10" ht="30" customHeight="1" x14ac:dyDescent="0.45">
      <c r="A469" s="6"/>
      <c r="B469" s="6"/>
      <c r="C469" s="6"/>
      <c r="D469" s="6"/>
      <c r="E469" s="7"/>
      <c r="F469" s="5"/>
      <c r="G469" s="9"/>
      <c r="H469" s="9"/>
      <c r="I469" s="9"/>
      <c r="J469" s="9"/>
    </row>
    <row r="470" spans="1:10" ht="30" customHeight="1" x14ac:dyDescent="0.45">
      <c r="A470" s="6"/>
      <c r="B470" s="6"/>
      <c r="C470" s="6"/>
      <c r="D470" s="6"/>
      <c r="E470" s="7"/>
      <c r="F470" s="5"/>
      <c r="G470" s="9"/>
      <c r="H470" s="9"/>
      <c r="I470" s="9"/>
      <c r="J470" s="9"/>
    </row>
    <row r="471" spans="1:10" ht="30" customHeight="1" x14ac:dyDescent="0.45">
      <c r="A471" s="6"/>
      <c r="B471" s="6"/>
      <c r="C471" s="6"/>
      <c r="D471" s="6"/>
      <c r="E471" s="7"/>
      <c r="F471" s="5"/>
      <c r="G471" s="9"/>
      <c r="H471" s="9"/>
      <c r="I471" s="9"/>
      <c r="J471" s="9"/>
    </row>
    <row r="472" spans="1:10" ht="30" customHeight="1" x14ac:dyDescent="0.45">
      <c r="A472" s="6"/>
      <c r="B472" s="6"/>
      <c r="C472" s="6"/>
      <c r="D472" s="6"/>
      <c r="E472" s="7"/>
      <c r="F472" s="5"/>
      <c r="G472" s="9"/>
      <c r="H472" s="9"/>
      <c r="I472" s="9"/>
      <c r="J472" s="9"/>
    </row>
    <row r="473" spans="1:10" ht="30" customHeight="1" x14ac:dyDescent="0.45">
      <c r="A473" s="6"/>
      <c r="B473" s="6"/>
      <c r="C473" s="6"/>
      <c r="D473" s="6"/>
      <c r="E473" s="7"/>
      <c r="F473" s="5"/>
      <c r="G473" s="9"/>
      <c r="H473" s="9"/>
      <c r="I473" s="9"/>
      <c r="J473" s="9"/>
    </row>
    <row r="474" spans="1:10" ht="30" customHeight="1" x14ac:dyDescent="0.45">
      <c r="A474" s="6"/>
      <c r="B474" s="6"/>
      <c r="C474" s="6"/>
      <c r="D474" s="6"/>
      <c r="E474" s="7"/>
      <c r="F474" s="5"/>
      <c r="G474" s="9"/>
      <c r="H474" s="9"/>
      <c r="I474" s="9"/>
      <c r="J474" s="9"/>
    </row>
    <row r="475" spans="1:10" ht="30" customHeight="1" x14ac:dyDescent="0.45">
      <c r="A475" s="6"/>
      <c r="B475" s="6"/>
      <c r="C475" s="6"/>
      <c r="D475" s="6"/>
      <c r="E475" s="7"/>
      <c r="F475" s="5"/>
      <c r="G475" s="9"/>
      <c r="H475" s="9"/>
      <c r="I475" s="9"/>
      <c r="J475" s="9"/>
    </row>
    <row r="476" spans="1:10" ht="30" customHeight="1" x14ac:dyDescent="0.45">
      <c r="A476" s="6"/>
      <c r="B476" s="6"/>
      <c r="C476" s="6"/>
      <c r="D476" s="6"/>
      <c r="E476" s="7"/>
      <c r="F476" s="5"/>
      <c r="G476" s="9"/>
      <c r="H476" s="9"/>
      <c r="I476" s="9"/>
      <c r="J476" s="9"/>
    </row>
    <row r="477" spans="1:10" ht="30" customHeight="1" x14ac:dyDescent="0.45">
      <c r="A477" s="6"/>
      <c r="B477" s="6"/>
      <c r="C477" s="6"/>
      <c r="D477" s="6"/>
      <c r="E477" s="7"/>
      <c r="F477" s="5"/>
      <c r="G477" s="9"/>
      <c r="H477" s="9"/>
      <c r="I477" s="9"/>
      <c r="J477" s="9"/>
    </row>
    <row r="478" spans="1:10" ht="30" customHeight="1" x14ac:dyDescent="0.45">
      <c r="A478" s="6"/>
      <c r="B478" s="6"/>
      <c r="C478" s="6"/>
      <c r="D478" s="6"/>
      <c r="E478" s="7"/>
      <c r="F478" s="5"/>
      <c r="G478" s="9"/>
      <c r="H478" s="9"/>
      <c r="I478" s="9"/>
      <c r="J478" s="9"/>
    </row>
    <row r="479" spans="1:10" ht="30" customHeight="1" x14ac:dyDescent="0.45">
      <c r="A479" s="6"/>
      <c r="B479" s="6"/>
      <c r="C479" s="6"/>
      <c r="D479" s="6"/>
      <c r="E479" s="7"/>
      <c r="F479" s="5"/>
      <c r="G479" s="9"/>
      <c r="H479" s="9"/>
      <c r="I479" s="9"/>
      <c r="J479" s="9"/>
    </row>
    <row r="480" spans="1:10" ht="30" customHeight="1" x14ac:dyDescent="0.45">
      <c r="A480" s="6"/>
      <c r="B480" s="6"/>
      <c r="C480" s="6"/>
      <c r="D480" s="6"/>
      <c r="E480" s="7"/>
      <c r="F480" s="5"/>
      <c r="G480" s="9"/>
      <c r="H480" s="9"/>
      <c r="I480" s="9"/>
      <c r="J480" s="9"/>
    </row>
    <row r="481" spans="1:10" ht="30" customHeight="1" x14ac:dyDescent="0.45">
      <c r="A481" s="6"/>
      <c r="B481" s="6"/>
      <c r="C481" s="6"/>
      <c r="D481" s="6"/>
      <c r="E481" s="7"/>
      <c r="F481" s="5"/>
      <c r="G481" s="9"/>
      <c r="H481" s="9"/>
      <c r="I481" s="9"/>
      <c r="J481" s="9"/>
    </row>
    <row r="482" spans="1:10" ht="30" customHeight="1" x14ac:dyDescent="0.45">
      <c r="A482" s="6"/>
      <c r="B482" s="6"/>
      <c r="C482" s="6"/>
      <c r="D482" s="6"/>
      <c r="E482" s="7"/>
      <c r="F482" s="5"/>
      <c r="G482" s="9"/>
      <c r="H482" s="9"/>
      <c r="I482" s="9"/>
      <c r="J482" s="9"/>
    </row>
    <row r="483" spans="1:10" ht="30" customHeight="1" x14ac:dyDescent="0.45">
      <c r="A483" s="6"/>
      <c r="B483" s="6"/>
      <c r="C483" s="6"/>
      <c r="D483" s="6"/>
      <c r="E483" s="7"/>
      <c r="F483" s="5"/>
      <c r="G483" s="9"/>
      <c r="H483" s="9"/>
      <c r="I483" s="9"/>
      <c r="J483" s="9"/>
    </row>
    <row r="484" spans="1:10" ht="30" customHeight="1" x14ac:dyDescent="0.45">
      <c r="A484" s="6"/>
      <c r="B484" s="6"/>
      <c r="C484" s="6"/>
      <c r="D484" s="6"/>
      <c r="E484" s="7"/>
      <c r="F484" s="5"/>
      <c r="G484" s="9"/>
      <c r="H484" s="9"/>
      <c r="I484" s="9"/>
      <c r="J484" s="9"/>
    </row>
    <row r="485" spans="1:10" ht="30" customHeight="1" x14ac:dyDescent="0.45">
      <c r="A485" s="6"/>
      <c r="B485" s="6"/>
      <c r="C485" s="6"/>
      <c r="D485" s="6"/>
      <c r="E485" s="7"/>
      <c r="F485" s="5"/>
      <c r="G485" s="9"/>
      <c r="H485" s="9"/>
      <c r="I485" s="9"/>
      <c r="J485" s="9"/>
    </row>
    <row r="486" spans="1:10" ht="30" customHeight="1" x14ac:dyDescent="0.45">
      <c r="A486" s="6"/>
      <c r="B486" s="6"/>
      <c r="C486" s="6"/>
      <c r="D486" s="6"/>
      <c r="E486" s="7"/>
      <c r="F486" s="5"/>
      <c r="G486" s="9"/>
      <c r="H486" s="9"/>
      <c r="I486" s="9"/>
      <c r="J486" s="9"/>
    </row>
    <row r="487" spans="1:10" ht="30" customHeight="1" x14ac:dyDescent="0.45">
      <c r="A487" s="6"/>
      <c r="B487" s="6"/>
      <c r="C487" s="6"/>
      <c r="D487" s="6"/>
      <c r="E487" s="7"/>
      <c r="F487" s="5"/>
      <c r="G487" s="9"/>
      <c r="H487" s="9"/>
      <c r="I487" s="9"/>
      <c r="J487" s="9"/>
    </row>
    <row r="488" spans="1:10" ht="30" customHeight="1" x14ac:dyDescent="0.45">
      <c r="A488" s="6"/>
      <c r="B488" s="6"/>
      <c r="C488" s="6"/>
      <c r="D488" s="6"/>
      <c r="E488" s="7"/>
      <c r="F488" s="5"/>
      <c r="G488" s="9"/>
      <c r="H488" s="9"/>
      <c r="I488" s="9"/>
      <c r="J488" s="9"/>
    </row>
    <row r="489" spans="1:10" ht="30" customHeight="1" x14ac:dyDescent="0.45">
      <c r="A489" s="6"/>
      <c r="B489" s="6"/>
      <c r="C489" s="6"/>
      <c r="D489" s="6"/>
      <c r="E489" s="7"/>
      <c r="F489" s="5"/>
      <c r="G489" s="9"/>
      <c r="H489" s="9"/>
      <c r="I489" s="9"/>
      <c r="J489" s="9"/>
    </row>
    <row r="490" spans="1:10" ht="30" customHeight="1" x14ac:dyDescent="0.45">
      <c r="A490" s="6"/>
      <c r="B490" s="6"/>
      <c r="C490" s="6"/>
      <c r="D490" s="6"/>
      <c r="E490" s="7"/>
      <c r="F490" s="5"/>
      <c r="G490" s="9"/>
      <c r="H490" s="9"/>
      <c r="I490" s="9"/>
      <c r="J490" s="9"/>
    </row>
    <row r="491" spans="1:10" ht="30" customHeight="1" x14ac:dyDescent="0.45">
      <c r="A491" s="6"/>
      <c r="B491" s="6"/>
      <c r="C491" s="6"/>
      <c r="D491" s="6"/>
      <c r="E491" s="7"/>
      <c r="F491" s="5"/>
      <c r="G491" s="9"/>
      <c r="H491" s="9"/>
      <c r="I491" s="9"/>
      <c r="J491" s="9"/>
    </row>
    <row r="492" spans="1:10" ht="30" customHeight="1" x14ac:dyDescent="0.45">
      <c r="A492" s="6"/>
      <c r="B492" s="6"/>
      <c r="C492" s="6"/>
      <c r="D492" s="6"/>
      <c r="E492" s="7"/>
      <c r="F492" s="5"/>
      <c r="G492" s="9"/>
      <c r="H492" s="9"/>
      <c r="I492" s="9"/>
      <c r="J492" s="9"/>
    </row>
    <row r="493" spans="1:10" ht="30" customHeight="1" x14ac:dyDescent="0.45">
      <c r="A493" s="6"/>
      <c r="B493" s="6"/>
      <c r="C493" s="6"/>
      <c r="D493" s="6"/>
      <c r="E493" s="7"/>
      <c r="F493" s="5"/>
      <c r="G493" s="9"/>
      <c r="H493" s="9"/>
      <c r="I493" s="9"/>
      <c r="J493" s="9"/>
    </row>
    <row r="494" spans="1:10" ht="30" customHeight="1" x14ac:dyDescent="0.45">
      <c r="A494" s="6"/>
      <c r="B494" s="6"/>
      <c r="C494" s="6"/>
      <c r="D494" s="6"/>
      <c r="E494" s="7"/>
      <c r="F494" s="5"/>
      <c r="G494" s="9"/>
      <c r="H494" s="9"/>
      <c r="I494" s="9"/>
      <c r="J494" s="9"/>
    </row>
    <row r="495" spans="1:10" ht="30" customHeight="1" x14ac:dyDescent="0.45">
      <c r="A495" s="6"/>
      <c r="B495" s="6"/>
      <c r="C495" s="6"/>
      <c r="D495" s="6"/>
      <c r="E495" s="7"/>
      <c r="F495" s="5"/>
      <c r="G495" s="9"/>
      <c r="H495" s="9"/>
      <c r="I495" s="9"/>
      <c r="J495" s="9"/>
    </row>
    <row r="496" spans="1:10" ht="30" customHeight="1" x14ac:dyDescent="0.45">
      <c r="A496" s="6"/>
      <c r="B496" s="6"/>
      <c r="C496" s="6"/>
      <c r="D496" s="6"/>
      <c r="E496" s="7"/>
      <c r="F496" s="5"/>
      <c r="G496" s="9"/>
      <c r="H496" s="9"/>
      <c r="I496" s="9"/>
      <c r="J496" s="9"/>
    </row>
    <row r="497" spans="1:10" ht="30" customHeight="1" x14ac:dyDescent="0.45">
      <c r="A497" s="6"/>
      <c r="B497" s="6"/>
      <c r="C497" s="6"/>
      <c r="D497" s="6"/>
      <c r="E497" s="7"/>
      <c r="F497" s="5"/>
      <c r="G497" s="9"/>
      <c r="H497" s="9"/>
      <c r="I497" s="9"/>
      <c r="J497" s="9"/>
    </row>
    <row r="498" spans="1:10" ht="30" customHeight="1" x14ac:dyDescent="0.45">
      <c r="A498" s="6"/>
      <c r="B498" s="6"/>
      <c r="C498" s="6"/>
      <c r="D498" s="6"/>
      <c r="E498" s="7"/>
      <c r="F498" s="5"/>
      <c r="G498" s="9"/>
      <c r="H498" s="9"/>
      <c r="I498" s="9"/>
      <c r="J498" s="9"/>
    </row>
    <row r="499" spans="1:10" ht="30" customHeight="1" x14ac:dyDescent="0.45">
      <c r="A499" s="6"/>
      <c r="B499" s="6"/>
      <c r="C499" s="6"/>
      <c r="D499" s="6"/>
      <c r="E499" s="7"/>
      <c r="F499" s="5"/>
      <c r="G499" s="9"/>
      <c r="H499" s="9"/>
      <c r="I499" s="9"/>
      <c r="J499" s="9"/>
    </row>
    <row r="500" spans="1:10" ht="30" customHeight="1" x14ac:dyDescent="0.45">
      <c r="A500" s="6"/>
      <c r="B500" s="6"/>
      <c r="C500" s="6"/>
      <c r="D500" s="6"/>
      <c r="E500" s="7"/>
      <c r="F500" s="5"/>
      <c r="G500" s="9"/>
      <c r="H500" s="9"/>
      <c r="I500" s="9"/>
      <c r="J500" s="9"/>
    </row>
    <row r="501" spans="1:10" ht="30" customHeight="1" x14ac:dyDescent="0.45">
      <c r="A501" s="6"/>
      <c r="B501" s="6"/>
      <c r="C501" s="6"/>
      <c r="D501" s="6"/>
      <c r="E501" s="7"/>
      <c r="F501" s="5"/>
      <c r="G501" s="9"/>
      <c r="H501" s="9"/>
      <c r="I501" s="9"/>
      <c r="J501" s="9"/>
    </row>
    <row r="502" spans="1:10" ht="30" customHeight="1" x14ac:dyDescent="0.45">
      <c r="A502" s="6"/>
      <c r="B502" s="6"/>
      <c r="C502" s="6"/>
      <c r="D502" s="6"/>
      <c r="E502" s="7"/>
      <c r="F502" s="5"/>
      <c r="G502" s="9"/>
      <c r="H502" s="9"/>
      <c r="I502" s="9"/>
      <c r="J502" s="9"/>
    </row>
    <row r="503" spans="1:10" ht="30" customHeight="1" x14ac:dyDescent="0.45">
      <c r="A503" s="6"/>
      <c r="B503" s="6"/>
      <c r="C503" s="6"/>
      <c r="D503" s="6"/>
      <c r="E503" s="7"/>
      <c r="F503" s="5"/>
      <c r="G503" s="9"/>
      <c r="H503" s="9"/>
      <c r="I503" s="9"/>
      <c r="J503" s="9"/>
    </row>
    <row r="504" spans="1:10" ht="30" customHeight="1" x14ac:dyDescent="0.45">
      <c r="A504" s="6"/>
      <c r="B504" s="6"/>
      <c r="C504" s="6"/>
      <c r="D504" s="6"/>
      <c r="E504" s="7"/>
      <c r="F504" s="5"/>
      <c r="G504" s="9"/>
      <c r="H504" s="9"/>
      <c r="I504" s="9"/>
      <c r="J504" s="9"/>
    </row>
    <row r="505" spans="1:10" ht="30" customHeight="1" x14ac:dyDescent="0.45">
      <c r="A505" s="6"/>
      <c r="B505" s="6"/>
      <c r="C505" s="6"/>
      <c r="D505" s="6"/>
      <c r="E505" s="7"/>
      <c r="F505" s="5"/>
      <c r="G505" s="9"/>
      <c r="H505" s="9"/>
      <c r="I505" s="9"/>
      <c r="J505" s="9"/>
    </row>
    <row r="506" spans="1:10" ht="30" customHeight="1" x14ac:dyDescent="0.45">
      <c r="A506" s="6"/>
      <c r="B506" s="6"/>
      <c r="C506" s="6"/>
      <c r="D506" s="6"/>
      <c r="E506" s="7"/>
      <c r="F506" s="5"/>
      <c r="G506" s="9"/>
      <c r="H506" s="9"/>
      <c r="I506" s="9"/>
      <c r="J506" s="9"/>
    </row>
    <row r="507" spans="1:10" ht="30" customHeight="1" x14ac:dyDescent="0.45">
      <c r="A507" s="6"/>
      <c r="B507" s="6"/>
      <c r="C507" s="6"/>
      <c r="D507" s="6"/>
      <c r="E507" s="7"/>
      <c r="F507" s="5"/>
      <c r="G507" s="9"/>
      <c r="H507" s="9"/>
      <c r="I507" s="9"/>
      <c r="J507" s="9"/>
    </row>
    <row r="508" spans="1:10" ht="30" customHeight="1" x14ac:dyDescent="0.45">
      <c r="A508" s="6"/>
      <c r="B508" s="6"/>
      <c r="C508" s="6"/>
      <c r="D508" s="6"/>
      <c r="E508" s="7"/>
      <c r="F508" s="5"/>
      <c r="G508" s="9"/>
      <c r="H508" s="9"/>
      <c r="I508" s="9"/>
      <c r="J508" s="9"/>
    </row>
    <row r="509" spans="1:10" ht="30" customHeight="1" x14ac:dyDescent="0.45">
      <c r="A509" s="6"/>
      <c r="B509" s="6"/>
      <c r="C509" s="6"/>
      <c r="D509" s="6"/>
      <c r="E509" s="7"/>
      <c r="F509" s="5"/>
      <c r="G509" s="9"/>
      <c r="H509" s="9"/>
      <c r="I509" s="9"/>
      <c r="J509" s="9"/>
    </row>
    <row r="510" spans="1:10" ht="30" customHeight="1" x14ac:dyDescent="0.45">
      <c r="A510" s="6"/>
      <c r="B510" s="6"/>
      <c r="C510" s="6"/>
      <c r="D510" s="6"/>
      <c r="E510" s="7"/>
      <c r="F510" s="5"/>
      <c r="G510" s="9"/>
      <c r="H510" s="9"/>
      <c r="I510" s="9"/>
      <c r="J510" s="9"/>
    </row>
    <row r="511" spans="1:10" ht="30" customHeight="1" x14ac:dyDescent="0.45">
      <c r="A511" s="6"/>
      <c r="B511" s="6"/>
      <c r="C511" s="6"/>
      <c r="D511" s="6"/>
      <c r="E511" s="7"/>
      <c r="F511" s="5"/>
      <c r="G511" s="9"/>
      <c r="H511" s="9"/>
      <c r="I511" s="9"/>
      <c r="J511" s="9"/>
    </row>
    <row r="512" spans="1:10" ht="30" customHeight="1" x14ac:dyDescent="0.45">
      <c r="A512" s="6"/>
      <c r="B512" s="6"/>
      <c r="C512" s="6"/>
      <c r="D512" s="6"/>
      <c r="E512" s="7"/>
      <c r="F512" s="5"/>
      <c r="G512" s="9"/>
      <c r="H512" s="9"/>
      <c r="I512" s="9"/>
      <c r="J512" s="9"/>
    </row>
    <row r="513" spans="1:10" ht="30" customHeight="1" x14ac:dyDescent="0.45">
      <c r="A513" s="6"/>
      <c r="B513" s="6"/>
      <c r="C513" s="6"/>
      <c r="D513" s="6"/>
      <c r="E513" s="7"/>
      <c r="F513" s="5"/>
      <c r="G513" s="9"/>
      <c r="H513" s="9"/>
      <c r="I513" s="9"/>
      <c r="J513" s="9"/>
    </row>
    <row r="514" spans="1:10" ht="30" customHeight="1" x14ac:dyDescent="0.45">
      <c r="A514" s="6"/>
      <c r="B514" s="6"/>
      <c r="C514" s="6"/>
      <c r="D514" s="6"/>
      <c r="E514" s="7"/>
      <c r="F514" s="5"/>
      <c r="G514" s="9"/>
      <c r="H514" s="9"/>
      <c r="I514" s="9"/>
      <c r="J514" s="9"/>
    </row>
    <row r="515" spans="1:10" ht="30" customHeight="1" x14ac:dyDescent="0.45">
      <c r="A515" s="6"/>
      <c r="B515" s="6"/>
      <c r="C515" s="6"/>
      <c r="D515" s="6"/>
      <c r="E515" s="7"/>
      <c r="F515" s="5"/>
      <c r="G515" s="9"/>
      <c r="H515" s="9"/>
      <c r="I515" s="9"/>
      <c r="J515" s="9"/>
    </row>
    <row r="516" spans="1:10" ht="30" customHeight="1" x14ac:dyDescent="0.45">
      <c r="A516" s="6"/>
      <c r="B516" s="6"/>
      <c r="C516" s="6"/>
      <c r="D516" s="6"/>
      <c r="E516" s="7"/>
      <c r="F516" s="5"/>
      <c r="G516" s="9"/>
      <c r="H516" s="9"/>
      <c r="I516" s="9"/>
      <c r="J516" s="9"/>
    </row>
    <row r="517" spans="1:10" ht="30" customHeight="1" x14ac:dyDescent="0.45">
      <c r="A517" s="6"/>
      <c r="B517" s="6"/>
      <c r="C517" s="6"/>
      <c r="D517" s="6"/>
      <c r="E517" s="7"/>
      <c r="F517" s="5"/>
      <c r="G517" s="9"/>
      <c r="H517" s="9"/>
      <c r="I517" s="9"/>
      <c r="J517" s="9"/>
    </row>
    <row r="518" spans="1:10" ht="30" customHeight="1" x14ac:dyDescent="0.45">
      <c r="A518" s="6"/>
      <c r="B518" s="6"/>
      <c r="C518" s="6"/>
      <c r="D518" s="6"/>
      <c r="E518" s="7"/>
      <c r="F518" s="5"/>
      <c r="G518" s="9"/>
      <c r="H518" s="9"/>
      <c r="I518" s="9"/>
      <c r="J518" s="9"/>
    </row>
    <row r="519" spans="1:10" ht="30" customHeight="1" x14ac:dyDescent="0.45">
      <c r="A519" s="6"/>
      <c r="B519" s="6"/>
      <c r="C519" s="6"/>
      <c r="D519" s="6"/>
      <c r="E519" s="7"/>
      <c r="F519" s="5"/>
      <c r="G519" s="9"/>
      <c r="H519" s="9"/>
      <c r="I519" s="9"/>
      <c r="J519" s="9"/>
    </row>
    <row r="520" spans="1:10" ht="30" customHeight="1" x14ac:dyDescent="0.45">
      <c r="A520" s="6"/>
      <c r="B520" s="6"/>
      <c r="C520" s="6"/>
      <c r="D520" s="6"/>
      <c r="E520" s="7"/>
      <c r="F520" s="5"/>
      <c r="G520" s="9"/>
      <c r="H520" s="9"/>
      <c r="I520" s="9"/>
      <c r="J520" s="9"/>
    </row>
    <row r="521" spans="1:10" ht="30" customHeight="1" x14ac:dyDescent="0.45">
      <c r="A521" s="6"/>
      <c r="B521" s="6"/>
      <c r="C521" s="6"/>
      <c r="D521" s="6"/>
      <c r="E521" s="7"/>
      <c r="F521" s="5"/>
      <c r="G521" s="9"/>
      <c r="H521" s="9"/>
      <c r="I521" s="9"/>
      <c r="J521" s="9"/>
    </row>
    <row r="522" spans="1:10" ht="30" customHeight="1" x14ac:dyDescent="0.45">
      <c r="A522" s="6"/>
      <c r="B522" s="6"/>
      <c r="C522" s="6"/>
      <c r="D522" s="6"/>
      <c r="E522" s="7"/>
      <c r="F522" s="5"/>
      <c r="G522" s="9"/>
      <c r="H522" s="9"/>
      <c r="I522" s="9"/>
      <c r="J522" s="9"/>
    </row>
    <row r="523" spans="1:10" ht="30" customHeight="1" x14ac:dyDescent="0.45">
      <c r="A523" s="6"/>
      <c r="B523" s="6"/>
      <c r="C523" s="6"/>
      <c r="D523" s="6"/>
      <c r="E523" s="7"/>
      <c r="F523" s="5"/>
      <c r="G523" s="9"/>
      <c r="H523" s="9"/>
      <c r="I523" s="9"/>
      <c r="J523" s="9"/>
    </row>
    <row r="524" spans="1:10" ht="30" customHeight="1" x14ac:dyDescent="0.45">
      <c r="A524" s="6"/>
      <c r="B524" s="6"/>
      <c r="C524" s="6"/>
      <c r="D524" s="6"/>
      <c r="E524" s="7"/>
      <c r="F524" s="5"/>
      <c r="G524" s="9"/>
      <c r="H524" s="9"/>
      <c r="I524" s="9"/>
      <c r="J524" s="9"/>
    </row>
    <row r="525" spans="1:10" ht="30" customHeight="1" x14ac:dyDescent="0.45">
      <c r="A525" s="6"/>
      <c r="B525" s="6"/>
      <c r="C525" s="6"/>
      <c r="D525" s="6"/>
      <c r="E525" s="7"/>
      <c r="F525" s="5"/>
      <c r="G525" s="9"/>
      <c r="H525" s="9"/>
      <c r="I525" s="9"/>
      <c r="J525" s="9"/>
    </row>
    <row r="526" spans="1:10" ht="30" customHeight="1" x14ac:dyDescent="0.45">
      <c r="A526" s="6"/>
      <c r="B526" s="6"/>
      <c r="C526" s="6"/>
      <c r="D526" s="6"/>
      <c r="E526" s="7"/>
      <c r="F526" s="5"/>
      <c r="G526" s="9"/>
      <c r="H526" s="9"/>
      <c r="I526" s="9"/>
      <c r="J526" s="9"/>
    </row>
    <row r="527" spans="1:10" ht="30" customHeight="1" x14ac:dyDescent="0.45">
      <c r="A527" s="6"/>
      <c r="B527" s="6"/>
      <c r="C527" s="6"/>
      <c r="D527" s="6"/>
      <c r="E527" s="7"/>
      <c r="F527" s="5"/>
      <c r="G527" s="9"/>
      <c r="H527" s="9"/>
      <c r="I527" s="9"/>
      <c r="J527" s="9"/>
    </row>
    <row r="528" spans="1:10" ht="30" customHeight="1" x14ac:dyDescent="0.45">
      <c r="A528" s="6"/>
      <c r="B528" s="6"/>
      <c r="C528" s="6"/>
      <c r="D528" s="6"/>
      <c r="E528" s="7"/>
      <c r="F528" s="5"/>
      <c r="G528" s="9"/>
      <c r="H528" s="9"/>
      <c r="I528" s="9"/>
      <c r="J528" s="9"/>
    </row>
    <row r="529" spans="1:10" ht="30" customHeight="1" x14ac:dyDescent="0.45">
      <c r="A529" s="6"/>
      <c r="B529" s="6"/>
      <c r="C529" s="6"/>
      <c r="D529" s="6"/>
      <c r="E529" s="7"/>
      <c r="F529" s="5"/>
      <c r="G529" s="9"/>
      <c r="H529" s="9"/>
      <c r="I529" s="9"/>
      <c r="J529" s="9"/>
    </row>
    <row r="530" spans="1:10" ht="30" customHeight="1" x14ac:dyDescent="0.45">
      <c r="A530" s="6"/>
      <c r="B530" s="6"/>
      <c r="C530" s="6"/>
      <c r="D530" s="6"/>
      <c r="E530" s="7"/>
      <c r="F530" s="5"/>
      <c r="G530" s="9"/>
      <c r="H530" s="9"/>
      <c r="I530" s="9"/>
      <c r="J530" s="9"/>
    </row>
    <row r="531" spans="1:10" ht="30" customHeight="1" x14ac:dyDescent="0.45">
      <c r="A531" s="6"/>
      <c r="B531" s="6"/>
      <c r="C531" s="6"/>
      <c r="D531" s="6"/>
      <c r="E531" s="7"/>
      <c r="F531" s="5"/>
      <c r="G531" s="9"/>
      <c r="H531" s="9"/>
      <c r="I531" s="9"/>
      <c r="J531" s="9"/>
    </row>
    <row r="532" spans="1:10" ht="30" customHeight="1" x14ac:dyDescent="0.45">
      <c r="A532" s="6"/>
      <c r="B532" s="6"/>
      <c r="C532" s="6"/>
      <c r="D532" s="6"/>
      <c r="E532" s="7"/>
      <c r="F532" s="5"/>
      <c r="G532" s="9"/>
      <c r="H532" s="9"/>
      <c r="I532" s="9"/>
      <c r="J532" s="9"/>
    </row>
    <row r="533" spans="1:10" ht="30" customHeight="1" x14ac:dyDescent="0.45">
      <c r="A533" s="6"/>
      <c r="B533" s="6"/>
      <c r="C533" s="6"/>
      <c r="D533" s="6"/>
      <c r="E533" s="7"/>
      <c r="F533" s="5"/>
      <c r="G533" s="9"/>
      <c r="H533" s="9"/>
      <c r="I533" s="9"/>
      <c r="J533" s="9"/>
    </row>
    <row r="534" spans="1:10" ht="30" customHeight="1" x14ac:dyDescent="0.45">
      <c r="A534" s="6"/>
      <c r="B534" s="6"/>
      <c r="C534" s="6"/>
      <c r="D534" s="6"/>
      <c r="E534" s="7"/>
      <c r="F534" s="5"/>
      <c r="G534" s="9"/>
      <c r="H534" s="9"/>
      <c r="I534" s="9"/>
      <c r="J534" s="9"/>
    </row>
    <row r="535" spans="1:10" ht="30" customHeight="1" x14ac:dyDescent="0.45">
      <c r="A535" s="6"/>
      <c r="B535" s="6"/>
      <c r="C535" s="6"/>
      <c r="D535" s="6"/>
      <c r="E535" s="7"/>
      <c r="F535" s="5"/>
      <c r="G535" s="9"/>
      <c r="H535" s="9"/>
      <c r="I535" s="9"/>
      <c r="J535" s="9"/>
    </row>
    <row r="536" spans="1:10" ht="30" customHeight="1" x14ac:dyDescent="0.45">
      <c r="A536" s="6"/>
      <c r="B536" s="6"/>
      <c r="C536" s="6"/>
      <c r="D536" s="6"/>
      <c r="E536" s="7"/>
      <c r="F536" s="5"/>
      <c r="G536" s="9"/>
      <c r="H536" s="9"/>
      <c r="I536" s="9"/>
      <c r="J536" s="9"/>
    </row>
    <row r="537" spans="1:10" ht="30" customHeight="1" x14ac:dyDescent="0.45">
      <c r="A537" s="6"/>
      <c r="B537" s="6"/>
      <c r="C537" s="6"/>
      <c r="D537" s="6"/>
      <c r="E537" s="7"/>
      <c r="F537" s="5"/>
      <c r="G537" s="9"/>
      <c r="H537" s="9"/>
      <c r="I537" s="9"/>
      <c r="J537" s="9"/>
    </row>
    <row r="538" spans="1:10" ht="30" customHeight="1" x14ac:dyDescent="0.45">
      <c r="A538" s="6"/>
      <c r="B538" s="6"/>
      <c r="C538" s="6"/>
      <c r="D538" s="6"/>
      <c r="E538" s="7"/>
      <c r="F538" s="5"/>
      <c r="G538" s="9"/>
      <c r="H538" s="9"/>
      <c r="I538" s="9"/>
      <c r="J538" s="9"/>
    </row>
    <row r="539" spans="1:10" ht="30" customHeight="1" x14ac:dyDescent="0.45">
      <c r="A539" s="6"/>
      <c r="B539" s="6"/>
      <c r="C539" s="6"/>
      <c r="D539" s="6"/>
      <c r="E539" s="7"/>
      <c r="F539" s="5"/>
      <c r="G539" s="9"/>
      <c r="H539" s="9"/>
      <c r="I539" s="9"/>
      <c r="J539" s="9"/>
    </row>
    <row r="540" spans="1:10" ht="30" customHeight="1" x14ac:dyDescent="0.45">
      <c r="A540" s="6"/>
      <c r="B540" s="6"/>
      <c r="C540" s="6"/>
      <c r="D540" s="6"/>
      <c r="E540" s="7"/>
      <c r="F540" s="5"/>
      <c r="G540" s="9"/>
      <c r="H540" s="9"/>
      <c r="I540" s="9"/>
      <c r="J540" s="9"/>
    </row>
    <row r="541" spans="1:10" ht="30" customHeight="1" x14ac:dyDescent="0.45">
      <c r="A541" s="6"/>
      <c r="B541" s="6"/>
      <c r="C541" s="6"/>
      <c r="D541" s="6"/>
      <c r="E541" s="7"/>
      <c r="F541" s="5"/>
      <c r="G541" s="9"/>
      <c r="H541" s="9"/>
      <c r="I541" s="9"/>
      <c r="J541" s="9"/>
    </row>
    <row r="542" spans="1:10" ht="30" customHeight="1" x14ac:dyDescent="0.45">
      <c r="A542" s="6"/>
      <c r="B542" s="6"/>
      <c r="C542" s="6"/>
      <c r="D542" s="6"/>
      <c r="E542" s="7"/>
      <c r="F542" s="5"/>
      <c r="G542" s="9"/>
      <c r="H542" s="9"/>
      <c r="I542" s="9"/>
      <c r="J542" s="9"/>
    </row>
    <row r="543" spans="1:10" ht="30" customHeight="1" x14ac:dyDescent="0.45">
      <c r="A543" s="6"/>
      <c r="B543" s="6"/>
      <c r="C543" s="6"/>
      <c r="D543" s="6"/>
      <c r="E543" s="7"/>
      <c r="F543" s="5"/>
      <c r="G543" s="9"/>
      <c r="H543" s="9"/>
      <c r="I543" s="9"/>
      <c r="J543" s="9"/>
    </row>
    <row r="544" spans="1:10" ht="30" customHeight="1" x14ac:dyDescent="0.45">
      <c r="A544" s="6"/>
      <c r="B544" s="6"/>
      <c r="C544" s="6"/>
      <c r="D544" s="6"/>
      <c r="E544" s="7"/>
      <c r="F544" s="5"/>
      <c r="G544" s="9"/>
      <c r="H544" s="9"/>
      <c r="I544" s="9"/>
      <c r="J544" s="9"/>
    </row>
    <row r="545" spans="1:10" ht="30" customHeight="1" x14ac:dyDescent="0.45">
      <c r="A545" s="6"/>
      <c r="B545" s="6"/>
      <c r="C545" s="6"/>
      <c r="D545" s="6"/>
      <c r="E545" s="7"/>
      <c r="F545" s="5"/>
      <c r="G545" s="9"/>
      <c r="H545" s="9"/>
      <c r="I545" s="9"/>
      <c r="J545" s="9"/>
    </row>
    <row r="546" spans="1:10" ht="30" customHeight="1" x14ac:dyDescent="0.45">
      <c r="A546" s="6"/>
      <c r="B546" s="6"/>
      <c r="C546" s="6"/>
      <c r="D546" s="6"/>
      <c r="E546" s="7"/>
      <c r="F546" s="5"/>
      <c r="G546" s="9"/>
      <c r="H546" s="9"/>
      <c r="I546" s="9"/>
      <c r="J546" s="9"/>
    </row>
    <row r="547" spans="1:10" ht="30" customHeight="1" x14ac:dyDescent="0.45">
      <c r="A547" s="6"/>
      <c r="B547" s="6"/>
      <c r="C547" s="6"/>
      <c r="D547" s="6"/>
      <c r="E547" s="7"/>
      <c r="F547" s="5"/>
      <c r="G547" s="9"/>
      <c r="H547" s="9"/>
      <c r="I547" s="9"/>
      <c r="J547" s="9"/>
    </row>
    <row r="548" spans="1:10" ht="30" customHeight="1" x14ac:dyDescent="0.45">
      <c r="A548" s="6"/>
      <c r="B548" s="6"/>
      <c r="C548" s="6"/>
      <c r="D548" s="6"/>
      <c r="E548" s="7"/>
      <c r="F548" s="5"/>
      <c r="G548" s="9"/>
      <c r="H548" s="9"/>
      <c r="I548" s="9"/>
      <c r="J548" s="9"/>
    </row>
    <row r="549" spans="1:10" ht="30" customHeight="1" x14ac:dyDescent="0.45">
      <c r="A549" s="6"/>
      <c r="B549" s="6"/>
      <c r="C549" s="6"/>
      <c r="D549" s="6"/>
      <c r="E549" s="7"/>
      <c r="F549" s="5"/>
      <c r="G549" s="9"/>
      <c r="H549" s="9"/>
      <c r="I549" s="9"/>
      <c r="J549" s="9"/>
    </row>
    <row r="550" spans="1:10" ht="30" customHeight="1" x14ac:dyDescent="0.45">
      <c r="A550" s="6"/>
      <c r="B550" s="6"/>
      <c r="C550" s="6"/>
      <c r="D550" s="6"/>
      <c r="E550" s="7"/>
      <c r="F550" s="5"/>
      <c r="G550" s="9"/>
      <c r="H550" s="9"/>
      <c r="I550" s="9"/>
      <c r="J550" s="9"/>
    </row>
    <row r="551" spans="1:10" ht="30" customHeight="1" x14ac:dyDescent="0.45">
      <c r="A551" s="6"/>
      <c r="B551" s="6"/>
      <c r="C551" s="6"/>
      <c r="D551" s="6"/>
      <c r="E551" s="7"/>
      <c r="F551" s="5"/>
      <c r="G551" s="9"/>
      <c r="H551" s="9"/>
      <c r="I551" s="9"/>
      <c r="J551" s="9"/>
    </row>
    <row r="552" spans="1:10" ht="30" customHeight="1" x14ac:dyDescent="0.45">
      <c r="A552" s="6"/>
      <c r="B552" s="6"/>
      <c r="C552" s="6"/>
      <c r="D552" s="6"/>
      <c r="E552" s="7"/>
      <c r="F552" s="5"/>
      <c r="G552" s="9"/>
      <c r="H552" s="9"/>
      <c r="I552" s="9"/>
      <c r="J552" s="9"/>
    </row>
    <row r="553" spans="1:10" ht="30" customHeight="1" x14ac:dyDescent="0.45">
      <c r="A553" s="6"/>
      <c r="B553" s="6"/>
      <c r="C553" s="6"/>
      <c r="D553" s="6"/>
      <c r="E553" s="7"/>
      <c r="F553" s="5"/>
      <c r="G553" s="9"/>
      <c r="H553" s="9"/>
      <c r="I553" s="9"/>
      <c r="J553" s="9"/>
    </row>
    <row r="554" spans="1:10" ht="30" customHeight="1" x14ac:dyDescent="0.45">
      <c r="A554" s="6"/>
      <c r="B554" s="6"/>
      <c r="C554" s="6"/>
      <c r="D554" s="6"/>
      <c r="E554" s="7"/>
      <c r="F554" s="5"/>
      <c r="G554" s="9"/>
      <c r="H554" s="9"/>
      <c r="I554" s="9"/>
      <c r="J554" s="9"/>
    </row>
    <row r="555" spans="1:10" ht="30" customHeight="1" x14ac:dyDescent="0.45">
      <c r="A555" s="6"/>
      <c r="B555" s="6"/>
      <c r="C555" s="6"/>
      <c r="D555" s="6"/>
      <c r="E555" s="7"/>
      <c r="F555" s="5"/>
      <c r="G555" s="9"/>
      <c r="H555" s="9"/>
      <c r="I555" s="9"/>
      <c r="J555" s="9"/>
    </row>
    <row r="556" spans="1:10" ht="30" customHeight="1" x14ac:dyDescent="0.45">
      <c r="A556" s="6"/>
      <c r="B556" s="6"/>
      <c r="C556" s="6"/>
      <c r="D556" s="6"/>
      <c r="E556" s="7"/>
      <c r="F556" s="5"/>
      <c r="G556" s="9"/>
      <c r="H556" s="9"/>
      <c r="I556" s="9"/>
      <c r="J556" s="9"/>
    </row>
    <row r="557" spans="1:10" ht="30" customHeight="1" x14ac:dyDescent="0.45">
      <c r="A557" s="6"/>
      <c r="B557" s="6"/>
      <c r="C557" s="6"/>
      <c r="D557" s="6"/>
      <c r="E557" s="7"/>
      <c r="F557" s="5"/>
      <c r="G557" s="9"/>
      <c r="H557" s="9"/>
      <c r="I557" s="9"/>
      <c r="J557" s="9"/>
    </row>
    <row r="558" spans="1:10" ht="30" customHeight="1" x14ac:dyDescent="0.45">
      <c r="A558" s="6"/>
      <c r="B558" s="6"/>
      <c r="C558" s="6"/>
      <c r="D558" s="6"/>
      <c r="E558" s="7"/>
      <c r="F558" s="5"/>
      <c r="G558" s="9"/>
      <c r="H558" s="9"/>
      <c r="I558" s="9"/>
      <c r="J558" s="9"/>
    </row>
    <row r="559" spans="1:10" ht="30" customHeight="1" x14ac:dyDescent="0.45">
      <c r="A559" s="6"/>
      <c r="B559" s="6"/>
      <c r="C559" s="6"/>
      <c r="D559" s="6"/>
      <c r="E559" s="7"/>
      <c r="F559" s="5"/>
      <c r="G559" s="9"/>
      <c r="H559" s="9"/>
      <c r="I559" s="9"/>
      <c r="J559" s="9"/>
    </row>
    <row r="560" spans="1:10" ht="30" customHeight="1" x14ac:dyDescent="0.45">
      <c r="A560" s="6"/>
      <c r="B560" s="6"/>
      <c r="C560" s="6"/>
      <c r="D560" s="6"/>
      <c r="E560" s="7"/>
      <c r="F560" s="5"/>
      <c r="G560" s="9"/>
      <c r="H560" s="9"/>
      <c r="I560" s="9"/>
      <c r="J560" s="9"/>
    </row>
    <row r="561" spans="1:10" ht="30" customHeight="1" x14ac:dyDescent="0.45">
      <c r="A561" s="6"/>
      <c r="B561" s="6"/>
      <c r="C561" s="6"/>
      <c r="D561" s="6"/>
      <c r="E561" s="7"/>
      <c r="F561" s="5"/>
      <c r="G561" s="9"/>
      <c r="H561" s="9"/>
      <c r="I561" s="9"/>
      <c r="J561" s="9"/>
    </row>
    <row r="562" spans="1:10" ht="30" customHeight="1" x14ac:dyDescent="0.45">
      <c r="A562" s="6"/>
      <c r="B562" s="6"/>
      <c r="C562" s="6"/>
      <c r="D562" s="6"/>
      <c r="E562" s="7"/>
      <c r="F562" s="5"/>
      <c r="G562" s="9"/>
      <c r="H562" s="9"/>
      <c r="I562" s="9"/>
      <c r="J562" s="9"/>
    </row>
    <row r="563" spans="1:10" ht="30" customHeight="1" x14ac:dyDescent="0.45">
      <c r="A563" s="6"/>
      <c r="B563" s="6"/>
      <c r="C563" s="6"/>
      <c r="D563" s="6"/>
      <c r="E563" s="7"/>
      <c r="F563" s="5"/>
      <c r="G563" s="9"/>
      <c r="H563" s="9"/>
      <c r="I563" s="9"/>
      <c r="J563" s="9"/>
    </row>
    <row r="564" spans="1:10" ht="30" customHeight="1" x14ac:dyDescent="0.45">
      <c r="A564" s="6"/>
      <c r="B564" s="6"/>
      <c r="C564" s="6"/>
      <c r="D564" s="6"/>
      <c r="E564" s="7"/>
      <c r="F564" s="5"/>
      <c r="G564" s="9"/>
      <c r="H564" s="9"/>
      <c r="I564" s="9"/>
      <c r="J564" s="9"/>
    </row>
    <row r="565" spans="1:10" ht="30" customHeight="1" x14ac:dyDescent="0.45">
      <c r="A565" s="6"/>
      <c r="B565" s="6"/>
      <c r="C565" s="6"/>
      <c r="D565" s="6"/>
      <c r="E565" s="7"/>
      <c r="F565" s="5"/>
      <c r="G565" s="9"/>
      <c r="H565" s="9"/>
      <c r="I565" s="9"/>
      <c r="J565" s="9"/>
    </row>
    <row r="566" spans="1:10" ht="30" customHeight="1" x14ac:dyDescent="0.45">
      <c r="A566" s="6"/>
      <c r="B566" s="6"/>
      <c r="C566" s="6"/>
      <c r="D566" s="6"/>
      <c r="E566" s="7"/>
      <c r="F566" s="5"/>
      <c r="G566" s="9"/>
      <c r="H566" s="9"/>
      <c r="I566" s="9"/>
      <c r="J566" s="9"/>
    </row>
    <row r="567" spans="1:10" ht="30" customHeight="1" x14ac:dyDescent="0.45">
      <c r="A567" s="6"/>
      <c r="B567" s="6"/>
      <c r="C567" s="6"/>
      <c r="D567" s="6"/>
      <c r="E567" s="7"/>
      <c r="F567" s="5"/>
      <c r="G567" s="9"/>
      <c r="H567" s="9"/>
      <c r="I567" s="9"/>
      <c r="J567" s="9"/>
    </row>
    <row r="568" spans="1:10" ht="30" customHeight="1" x14ac:dyDescent="0.45">
      <c r="A568" s="6"/>
      <c r="B568" s="6"/>
      <c r="C568" s="6"/>
      <c r="D568" s="6"/>
      <c r="E568" s="7"/>
      <c r="F568" s="5"/>
      <c r="G568" s="9"/>
      <c r="H568" s="9"/>
      <c r="I568" s="9"/>
      <c r="J568" s="9"/>
    </row>
    <row r="569" spans="1:10" ht="30" customHeight="1" x14ac:dyDescent="0.45">
      <c r="A569" s="6"/>
      <c r="B569" s="6"/>
      <c r="C569" s="6"/>
      <c r="D569" s="6"/>
      <c r="E569" s="7"/>
      <c r="F569" s="5"/>
      <c r="G569" s="9"/>
      <c r="H569" s="9"/>
      <c r="I569" s="9"/>
      <c r="J569" s="9"/>
    </row>
    <row r="570" spans="1:10" ht="30" customHeight="1" x14ac:dyDescent="0.45">
      <c r="A570" s="6"/>
      <c r="B570" s="6"/>
      <c r="C570" s="6"/>
      <c r="D570" s="6"/>
      <c r="E570" s="7"/>
      <c r="F570" s="5"/>
      <c r="G570" s="9"/>
      <c r="H570" s="9"/>
      <c r="I570" s="9"/>
      <c r="J570" s="9"/>
    </row>
    <row r="571" spans="1:10" ht="30" customHeight="1" x14ac:dyDescent="0.45">
      <c r="A571" s="6"/>
      <c r="B571" s="6"/>
      <c r="C571" s="6"/>
      <c r="D571" s="6"/>
      <c r="E571" s="7"/>
      <c r="F571" s="5"/>
      <c r="G571" s="9"/>
      <c r="H571" s="9"/>
      <c r="I571" s="9"/>
      <c r="J571" s="9"/>
    </row>
    <row r="572" spans="1:10" ht="30" customHeight="1" x14ac:dyDescent="0.45">
      <c r="A572" s="6"/>
      <c r="B572" s="6"/>
      <c r="C572" s="6"/>
      <c r="D572" s="6"/>
      <c r="E572" s="7"/>
      <c r="F572" s="5"/>
      <c r="G572" s="9"/>
      <c r="H572" s="9"/>
      <c r="I572" s="9"/>
      <c r="J572" s="9"/>
    </row>
    <row r="573" spans="1:10" ht="30" customHeight="1" x14ac:dyDescent="0.45">
      <c r="A573" s="6"/>
      <c r="B573" s="6"/>
      <c r="C573" s="6"/>
      <c r="D573" s="6"/>
      <c r="E573" s="7"/>
      <c r="F573" s="5"/>
      <c r="G573" s="9"/>
      <c r="H573" s="9"/>
      <c r="I573" s="9"/>
      <c r="J573" s="9"/>
    </row>
    <row r="574" spans="1:10" ht="30" customHeight="1" x14ac:dyDescent="0.45">
      <c r="A574" s="6"/>
      <c r="B574" s="6"/>
      <c r="C574" s="6"/>
      <c r="D574" s="6"/>
      <c r="E574" s="7"/>
      <c r="F574" s="5"/>
      <c r="G574" s="9"/>
      <c r="H574" s="9"/>
      <c r="I574" s="9"/>
      <c r="J574" s="9"/>
    </row>
    <row r="575" spans="1:10" ht="30" customHeight="1" x14ac:dyDescent="0.45">
      <c r="A575" s="6"/>
      <c r="B575" s="6"/>
      <c r="C575" s="6"/>
      <c r="D575" s="6"/>
      <c r="E575" s="7"/>
      <c r="F575" s="5"/>
      <c r="G575" s="9"/>
      <c r="H575" s="9"/>
      <c r="I575" s="9"/>
      <c r="J575" s="9"/>
    </row>
    <row r="576" spans="1:10" ht="30" customHeight="1" x14ac:dyDescent="0.45">
      <c r="A576" s="6"/>
      <c r="B576" s="6"/>
      <c r="C576" s="6"/>
      <c r="D576" s="6"/>
      <c r="E576" s="7"/>
      <c r="F576" s="5"/>
      <c r="G576" s="9"/>
      <c r="H576" s="9"/>
      <c r="I576" s="9"/>
      <c r="J576" s="9"/>
    </row>
    <row r="577" spans="1:10" ht="30" customHeight="1" x14ac:dyDescent="0.45">
      <c r="A577" s="6"/>
      <c r="B577" s="6"/>
      <c r="C577" s="6"/>
      <c r="D577" s="6"/>
      <c r="E577" s="7"/>
      <c r="F577" s="5"/>
      <c r="G577" s="9"/>
      <c r="H577" s="9"/>
      <c r="I577" s="9"/>
      <c r="J577" s="9"/>
    </row>
    <row r="578" spans="1:10" ht="30" customHeight="1" x14ac:dyDescent="0.45">
      <c r="A578" s="6"/>
      <c r="B578" s="6"/>
      <c r="C578" s="6"/>
      <c r="D578" s="6"/>
      <c r="E578" s="7"/>
      <c r="F578" s="5"/>
      <c r="G578" s="9"/>
      <c r="H578" s="9"/>
      <c r="I578" s="9"/>
      <c r="J578" s="9"/>
    </row>
    <row r="579" spans="1:10" ht="30" customHeight="1" x14ac:dyDescent="0.45">
      <c r="A579" s="6"/>
      <c r="B579" s="6"/>
      <c r="C579" s="6"/>
      <c r="D579" s="6"/>
      <c r="E579" s="7"/>
      <c r="F579" s="5"/>
      <c r="G579" s="9"/>
      <c r="H579" s="9"/>
      <c r="I579" s="9"/>
      <c r="J579" s="9"/>
    </row>
    <row r="580" spans="1:10" ht="30" customHeight="1" x14ac:dyDescent="0.45">
      <c r="A580" s="6"/>
      <c r="B580" s="6"/>
      <c r="C580" s="6"/>
      <c r="D580" s="6"/>
      <c r="E580" s="7"/>
      <c r="F580" s="5"/>
      <c r="G580" s="9"/>
      <c r="H580" s="9"/>
      <c r="I580" s="9"/>
      <c r="J580" s="9"/>
    </row>
    <row r="581" spans="1:10" ht="30" customHeight="1" x14ac:dyDescent="0.45">
      <c r="A581" s="6"/>
      <c r="B581" s="6"/>
      <c r="C581" s="6"/>
      <c r="D581" s="6"/>
      <c r="E581" s="7"/>
      <c r="F581" s="5"/>
      <c r="G581" s="9"/>
      <c r="H581" s="9"/>
      <c r="I581" s="9"/>
      <c r="J581" s="9"/>
    </row>
    <row r="582" spans="1:10" ht="30" customHeight="1" x14ac:dyDescent="0.45">
      <c r="A582" s="6"/>
      <c r="B582" s="6"/>
      <c r="C582" s="6"/>
      <c r="D582" s="6"/>
      <c r="E582" s="7"/>
      <c r="F582" s="5"/>
      <c r="G582" s="9"/>
      <c r="H582" s="9"/>
      <c r="I582" s="9"/>
      <c r="J582" s="9"/>
    </row>
    <row r="583" spans="1:10" ht="30" customHeight="1" x14ac:dyDescent="0.45">
      <c r="A583" s="6"/>
      <c r="B583" s="6"/>
      <c r="C583" s="6"/>
      <c r="D583" s="6"/>
      <c r="E583" s="7"/>
      <c r="F583" s="5"/>
      <c r="G583" s="9"/>
      <c r="H583" s="9"/>
      <c r="I583" s="9"/>
      <c r="J583" s="9"/>
    </row>
    <row r="584" spans="1:10" ht="30" customHeight="1" x14ac:dyDescent="0.45">
      <c r="A584" s="6"/>
      <c r="B584" s="6"/>
      <c r="C584" s="6"/>
      <c r="D584" s="6"/>
      <c r="E584" s="7"/>
      <c r="F584" s="5"/>
      <c r="G584" s="9"/>
      <c r="H584" s="9"/>
      <c r="I584" s="9"/>
      <c r="J584" s="9"/>
    </row>
    <row r="585" spans="1:10" ht="30" customHeight="1" x14ac:dyDescent="0.45">
      <c r="A585" s="6"/>
      <c r="B585" s="6"/>
      <c r="C585" s="6"/>
      <c r="D585" s="6"/>
      <c r="E585" s="7"/>
      <c r="F585" s="5"/>
      <c r="G585" s="9"/>
      <c r="H585" s="9"/>
      <c r="I585" s="9"/>
      <c r="J585" s="9"/>
    </row>
    <row r="586" spans="1:10" ht="30" customHeight="1" x14ac:dyDescent="0.45">
      <c r="A586" s="6"/>
      <c r="B586" s="6"/>
      <c r="C586" s="6"/>
      <c r="D586" s="6"/>
      <c r="E586" s="7"/>
      <c r="F586" s="5"/>
      <c r="G586" s="9"/>
      <c r="H586" s="9"/>
      <c r="I586" s="9"/>
      <c r="J586" s="9"/>
    </row>
    <row r="587" spans="1:10" ht="30" customHeight="1" x14ac:dyDescent="0.45">
      <c r="A587" s="6"/>
      <c r="B587" s="6"/>
      <c r="C587" s="6"/>
      <c r="D587" s="6"/>
      <c r="E587" s="7"/>
      <c r="F587" s="5"/>
      <c r="G587" s="9"/>
      <c r="H587" s="9"/>
      <c r="I587" s="9"/>
      <c r="J587" s="9"/>
    </row>
    <row r="588" spans="1:10" ht="30" customHeight="1" x14ac:dyDescent="0.45">
      <c r="A588" s="6"/>
      <c r="B588" s="6"/>
      <c r="C588" s="6"/>
      <c r="D588" s="6"/>
      <c r="E588" s="7"/>
      <c r="F588" s="5"/>
      <c r="G588" s="9"/>
      <c r="H588" s="9"/>
      <c r="I588" s="9"/>
      <c r="J588" s="9"/>
    </row>
    <row r="589" spans="1:10" ht="30" customHeight="1" x14ac:dyDescent="0.45">
      <c r="A589" s="6"/>
      <c r="B589" s="6"/>
      <c r="C589" s="6"/>
      <c r="D589" s="6"/>
      <c r="E589" s="7"/>
      <c r="F589" s="5"/>
      <c r="G589" s="9"/>
      <c r="H589" s="9"/>
      <c r="I589" s="9"/>
      <c r="J589" s="9"/>
    </row>
    <row r="590" spans="1:10" ht="30" customHeight="1" x14ac:dyDescent="0.45">
      <c r="A590" s="6"/>
      <c r="B590" s="6"/>
      <c r="C590" s="6"/>
      <c r="D590" s="6"/>
      <c r="E590" s="7"/>
      <c r="F590" s="5"/>
      <c r="G590" s="9"/>
      <c r="H590" s="9"/>
      <c r="I590" s="9"/>
      <c r="J590" s="9"/>
    </row>
    <row r="591" spans="1:10" ht="30" customHeight="1" x14ac:dyDescent="0.45">
      <c r="A591" s="6"/>
      <c r="B591" s="6"/>
      <c r="C591" s="6"/>
      <c r="D591" s="6"/>
      <c r="E591" s="7"/>
      <c r="F591" s="5"/>
      <c r="G591" s="9"/>
      <c r="H591" s="9"/>
      <c r="I591" s="9"/>
      <c r="J591" s="9"/>
    </row>
    <row r="592" spans="1:10" ht="30" customHeight="1" x14ac:dyDescent="0.45">
      <c r="A592" s="6"/>
      <c r="B592" s="6"/>
      <c r="C592" s="6"/>
      <c r="D592" s="6"/>
      <c r="E592" s="7"/>
      <c r="F592" s="5"/>
      <c r="G592" s="9"/>
      <c r="H592" s="9"/>
      <c r="I592" s="9"/>
      <c r="J592" s="9"/>
    </row>
    <row r="593" spans="1:10" ht="30" customHeight="1" x14ac:dyDescent="0.45">
      <c r="A593" s="6"/>
      <c r="B593" s="6"/>
      <c r="C593" s="6"/>
      <c r="D593" s="6"/>
      <c r="E593" s="7"/>
      <c r="F593" s="5"/>
      <c r="G593" s="9"/>
      <c r="H593" s="9"/>
      <c r="I593" s="9"/>
      <c r="J593" s="9"/>
    </row>
    <row r="594" spans="1:10" ht="30" customHeight="1" x14ac:dyDescent="0.45">
      <c r="A594" s="6"/>
      <c r="B594" s="6"/>
      <c r="C594" s="6"/>
      <c r="D594" s="6"/>
      <c r="E594" s="7"/>
      <c r="F594" s="5"/>
      <c r="G594" s="9"/>
      <c r="H594" s="9"/>
      <c r="I594" s="9"/>
      <c r="J594" s="9"/>
    </row>
    <row r="595" spans="1:10" ht="30" customHeight="1" x14ac:dyDescent="0.45">
      <c r="A595" s="6"/>
      <c r="B595" s="6"/>
      <c r="C595" s="6"/>
      <c r="D595" s="6"/>
      <c r="E595" s="7"/>
      <c r="F595" s="5"/>
      <c r="G595" s="9"/>
      <c r="H595" s="9"/>
      <c r="I595" s="9"/>
      <c r="J595" s="9"/>
    </row>
    <row r="596" spans="1:10" ht="30" customHeight="1" x14ac:dyDescent="0.45">
      <c r="A596" s="6"/>
      <c r="B596" s="6"/>
      <c r="C596" s="6"/>
      <c r="D596" s="6"/>
      <c r="E596" s="7"/>
      <c r="F596" s="5"/>
      <c r="G596" s="9"/>
      <c r="H596" s="9"/>
      <c r="I596" s="9"/>
      <c r="J596" s="9"/>
    </row>
    <row r="597" spans="1:10" ht="30" customHeight="1" x14ac:dyDescent="0.45">
      <c r="A597" s="6"/>
      <c r="B597" s="6"/>
      <c r="C597" s="6"/>
      <c r="D597" s="6"/>
      <c r="E597" s="7"/>
      <c r="F597" s="5"/>
      <c r="G597" s="9"/>
      <c r="H597" s="9"/>
      <c r="I597" s="9"/>
      <c r="J597" s="9"/>
    </row>
    <row r="598" spans="1:10" ht="30" customHeight="1" x14ac:dyDescent="0.45">
      <c r="A598" s="6"/>
      <c r="B598" s="6"/>
      <c r="C598" s="6"/>
      <c r="D598" s="6"/>
      <c r="E598" s="7"/>
      <c r="F598" s="5"/>
      <c r="G598" s="9"/>
      <c r="H598" s="9"/>
      <c r="I598" s="9"/>
      <c r="J598" s="9"/>
    </row>
    <row r="599" spans="1:10" ht="30" customHeight="1" x14ac:dyDescent="0.45">
      <c r="A599" s="6"/>
      <c r="B599" s="6"/>
      <c r="C599" s="6"/>
      <c r="D599" s="6"/>
      <c r="E599" s="7"/>
      <c r="F599" s="5"/>
      <c r="G599" s="9"/>
      <c r="H599" s="9"/>
      <c r="I599" s="9"/>
      <c r="J599" s="9"/>
    </row>
    <row r="600" spans="1:10" ht="30" customHeight="1" x14ac:dyDescent="0.45">
      <c r="A600" s="6"/>
      <c r="B600" s="6"/>
      <c r="C600" s="6"/>
      <c r="D600" s="6"/>
      <c r="E600" s="7"/>
      <c r="F600" s="5"/>
      <c r="G600" s="9"/>
      <c r="H600" s="9"/>
      <c r="I600" s="9"/>
      <c r="J600" s="9"/>
    </row>
    <row r="601" spans="1:10" ht="30" customHeight="1" x14ac:dyDescent="0.45">
      <c r="A601" s="6"/>
      <c r="B601" s="6"/>
      <c r="C601" s="6"/>
      <c r="D601" s="6"/>
      <c r="E601" s="7"/>
      <c r="F601" s="5"/>
      <c r="G601" s="9"/>
      <c r="H601" s="9"/>
      <c r="I601" s="9"/>
      <c r="J601" s="9"/>
    </row>
    <row r="602" spans="1:10" ht="30" customHeight="1" x14ac:dyDescent="0.45">
      <c r="A602" s="6"/>
      <c r="B602" s="6"/>
      <c r="C602" s="6"/>
      <c r="D602" s="6"/>
      <c r="E602" s="7"/>
      <c r="F602" s="5"/>
      <c r="G602" s="9"/>
      <c r="H602" s="9"/>
      <c r="I602" s="9"/>
      <c r="J602" s="9"/>
    </row>
    <row r="603" spans="1:10" ht="30" customHeight="1" x14ac:dyDescent="0.45">
      <c r="A603" s="6"/>
      <c r="B603" s="6"/>
      <c r="C603" s="6"/>
      <c r="D603" s="6"/>
      <c r="E603" s="7"/>
      <c r="F603" s="5"/>
      <c r="G603" s="9"/>
      <c r="H603" s="9"/>
      <c r="I603" s="9"/>
      <c r="J603" s="9"/>
    </row>
    <row r="604" spans="1:10" ht="30" customHeight="1" x14ac:dyDescent="0.45">
      <c r="A604" s="6"/>
      <c r="B604" s="6"/>
      <c r="C604" s="6"/>
      <c r="D604" s="6"/>
      <c r="E604" s="7"/>
      <c r="F604" s="5"/>
      <c r="G604" s="9"/>
      <c r="H604" s="9"/>
      <c r="I604" s="9"/>
      <c r="J604" s="9"/>
    </row>
    <row r="605" spans="1:10" ht="30" customHeight="1" x14ac:dyDescent="0.45">
      <c r="A605" s="6"/>
      <c r="B605" s="6"/>
      <c r="C605" s="6"/>
      <c r="D605" s="6"/>
      <c r="E605" s="7"/>
      <c r="F605" s="5"/>
      <c r="G605" s="9"/>
      <c r="H605" s="9"/>
      <c r="I605" s="9"/>
      <c r="J605" s="9"/>
    </row>
    <row r="606" spans="1:10" ht="30" customHeight="1" x14ac:dyDescent="0.45">
      <c r="A606" s="6"/>
      <c r="B606" s="6"/>
      <c r="C606" s="6"/>
      <c r="D606" s="6"/>
      <c r="E606" s="7"/>
      <c r="F606" s="5"/>
      <c r="G606" s="9"/>
      <c r="H606" s="9"/>
      <c r="I606" s="9"/>
      <c r="J606" s="9"/>
    </row>
    <row r="607" spans="1:10" ht="30" customHeight="1" x14ac:dyDescent="0.45">
      <c r="A607" s="6"/>
      <c r="B607" s="6"/>
      <c r="C607" s="6"/>
      <c r="D607" s="6"/>
      <c r="E607" s="7"/>
      <c r="F607" s="5"/>
      <c r="G607" s="9"/>
      <c r="H607" s="9"/>
      <c r="I607" s="9"/>
      <c r="J607" s="9"/>
    </row>
    <row r="608" spans="1:10" ht="30" customHeight="1" x14ac:dyDescent="0.45">
      <c r="A608" s="6"/>
      <c r="B608" s="6"/>
      <c r="C608" s="6"/>
      <c r="D608" s="6"/>
      <c r="E608" s="7"/>
      <c r="F608" s="5"/>
      <c r="G608" s="9"/>
      <c r="H608" s="9"/>
      <c r="I608" s="9"/>
      <c r="J608" s="9"/>
    </row>
    <row r="609" spans="1:10" ht="30" customHeight="1" x14ac:dyDescent="0.45">
      <c r="A609" s="6"/>
      <c r="B609" s="6"/>
      <c r="C609" s="6"/>
      <c r="D609" s="6"/>
      <c r="E609" s="7"/>
      <c r="F609" s="5"/>
      <c r="G609" s="9"/>
      <c r="H609" s="9"/>
      <c r="I609" s="9"/>
      <c r="J609" s="9"/>
    </row>
    <row r="610" spans="1:10" ht="30" customHeight="1" x14ac:dyDescent="0.45">
      <c r="A610" s="6"/>
      <c r="B610" s="6"/>
      <c r="C610" s="6"/>
      <c r="D610" s="6"/>
      <c r="E610" s="7"/>
      <c r="F610" s="5"/>
      <c r="G610" s="9"/>
      <c r="H610" s="9"/>
      <c r="I610" s="9"/>
      <c r="J610" s="9"/>
    </row>
    <row r="611" spans="1:10" ht="30" customHeight="1" x14ac:dyDescent="0.45">
      <c r="A611" s="6"/>
      <c r="B611" s="6"/>
      <c r="C611" s="6"/>
      <c r="D611" s="6"/>
      <c r="E611" s="7"/>
      <c r="F611" s="5"/>
      <c r="G611" s="9"/>
      <c r="H611" s="9"/>
      <c r="I611" s="9"/>
      <c r="J611" s="9"/>
    </row>
    <row r="612" spans="1:10" ht="30" customHeight="1" x14ac:dyDescent="0.45">
      <c r="A612" s="6"/>
      <c r="B612" s="6"/>
      <c r="C612" s="6"/>
      <c r="D612" s="6"/>
      <c r="E612" s="7"/>
      <c r="F612" s="5"/>
      <c r="G612" s="9"/>
      <c r="H612" s="9"/>
      <c r="I612" s="9"/>
      <c r="J612" s="9"/>
    </row>
    <row r="613" spans="1:10" ht="30" customHeight="1" x14ac:dyDescent="0.45">
      <c r="A613" s="6"/>
      <c r="B613" s="6"/>
      <c r="C613" s="6"/>
      <c r="D613" s="6"/>
      <c r="E613" s="7"/>
      <c r="F613" s="5"/>
      <c r="G613" s="9"/>
      <c r="H613" s="9"/>
      <c r="I613" s="9"/>
      <c r="J613" s="9"/>
    </row>
    <row r="614" spans="1:10" ht="30" customHeight="1" x14ac:dyDescent="0.45">
      <c r="A614" s="6"/>
      <c r="B614" s="6"/>
      <c r="C614" s="6"/>
      <c r="D614" s="6"/>
      <c r="E614" s="7"/>
      <c r="F614" s="5"/>
      <c r="G614" s="9"/>
      <c r="H614" s="9"/>
      <c r="I614" s="9"/>
      <c r="J614" s="9"/>
    </row>
    <row r="615" spans="1:10" ht="30" customHeight="1" x14ac:dyDescent="0.45">
      <c r="A615" s="6"/>
      <c r="B615" s="6"/>
      <c r="C615" s="6"/>
      <c r="D615" s="6"/>
      <c r="E615" s="7"/>
      <c r="F615" s="5"/>
      <c r="G615" s="9"/>
      <c r="H615" s="9"/>
      <c r="I615" s="9"/>
      <c r="J615" s="9"/>
    </row>
    <row r="616" spans="1:10" ht="30" customHeight="1" x14ac:dyDescent="0.45">
      <c r="A616" s="6"/>
      <c r="B616" s="6"/>
      <c r="C616" s="6"/>
      <c r="D616" s="6"/>
      <c r="E616" s="7"/>
      <c r="F616" s="5"/>
      <c r="G616" s="9"/>
      <c r="H616" s="9"/>
      <c r="I616" s="9"/>
      <c r="J616" s="9"/>
    </row>
    <row r="617" spans="1:10" ht="30" customHeight="1" x14ac:dyDescent="0.45">
      <c r="A617" s="6"/>
      <c r="B617" s="6"/>
      <c r="C617" s="6"/>
      <c r="D617" s="6"/>
      <c r="E617" s="7"/>
      <c r="F617" s="5"/>
      <c r="G617" s="9"/>
      <c r="H617" s="9"/>
      <c r="I617" s="9"/>
      <c r="J617" s="9"/>
    </row>
    <row r="618" spans="1:10" ht="30" customHeight="1" x14ac:dyDescent="0.45">
      <c r="A618" s="6"/>
      <c r="B618" s="6"/>
      <c r="C618" s="6"/>
      <c r="D618" s="6"/>
      <c r="E618" s="7"/>
      <c r="F618" s="5"/>
      <c r="G618" s="9"/>
      <c r="H618" s="9"/>
      <c r="I618" s="9"/>
      <c r="J618" s="9"/>
    </row>
    <row r="619" spans="1:10" ht="30" customHeight="1" x14ac:dyDescent="0.45">
      <c r="A619" s="6"/>
      <c r="B619" s="6"/>
      <c r="C619" s="6"/>
      <c r="D619" s="6"/>
      <c r="E619" s="7"/>
      <c r="F619" s="5"/>
      <c r="G619" s="9"/>
      <c r="H619" s="9"/>
      <c r="I619" s="9"/>
      <c r="J619" s="9"/>
    </row>
    <row r="620" spans="1:10" ht="30" customHeight="1" x14ac:dyDescent="0.45">
      <c r="A620" s="6"/>
      <c r="B620" s="6"/>
      <c r="C620" s="6"/>
      <c r="D620" s="6"/>
      <c r="E620" s="7"/>
      <c r="F620" s="5"/>
      <c r="G620" s="9"/>
      <c r="H620" s="9"/>
      <c r="I620" s="9"/>
      <c r="J620" s="9"/>
    </row>
    <row r="621" spans="1:10" ht="30" customHeight="1" x14ac:dyDescent="0.45">
      <c r="A621" s="6"/>
      <c r="B621" s="6"/>
      <c r="C621" s="6"/>
      <c r="D621" s="6"/>
      <c r="E621" s="7"/>
      <c r="F621" s="5"/>
      <c r="G621" s="9"/>
      <c r="H621" s="9"/>
      <c r="I621" s="9"/>
      <c r="J621" s="9"/>
    </row>
    <row r="622" spans="1:10" ht="30" customHeight="1" x14ac:dyDescent="0.45">
      <c r="A622" s="6"/>
      <c r="B622" s="6"/>
      <c r="C622" s="6"/>
      <c r="D622" s="6"/>
      <c r="E622" s="7"/>
      <c r="F622" s="5"/>
      <c r="G622" s="9"/>
      <c r="H622" s="9"/>
      <c r="I622" s="9"/>
      <c r="J622" s="9"/>
    </row>
    <row r="623" spans="1:10" ht="30" customHeight="1" x14ac:dyDescent="0.45">
      <c r="A623" s="6"/>
      <c r="B623" s="6"/>
      <c r="C623" s="6"/>
      <c r="D623" s="6"/>
      <c r="E623" s="7"/>
      <c r="F623" s="5"/>
      <c r="G623" s="9"/>
      <c r="H623" s="9"/>
      <c r="I623" s="9"/>
      <c r="J623" s="9"/>
    </row>
    <row r="624" spans="1:10" ht="30" customHeight="1" x14ac:dyDescent="0.45">
      <c r="A624" s="6"/>
      <c r="B624" s="6"/>
      <c r="C624" s="6"/>
      <c r="D624" s="6"/>
      <c r="E624" s="7"/>
      <c r="F624" s="5"/>
      <c r="G624" s="9"/>
      <c r="H624" s="9"/>
      <c r="I624" s="9"/>
      <c r="J624" s="9"/>
    </row>
    <row r="625" spans="1:10" ht="30" customHeight="1" x14ac:dyDescent="0.45">
      <c r="A625" s="6"/>
      <c r="B625" s="6"/>
      <c r="C625" s="6"/>
      <c r="D625" s="6"/>
      <c r="E625" s="7"/>
      <c r="F625" s="5"/>
      <c r="G625" s="9"/>
      <c r="H625" s="9"/>
      <c r="I625" s="9"/>
      <c r="J625" s="9"/>
    </row>
    <row r="626" spans="1:10" ht="30" customHeight="1" x14ac:dyDescent="0.45">
      <c r="A626" s="6"/>
      <c r="B626" s="6"/>
      <c r="C626" s="6"/>
      <c r="D626" s="6"/>
      <c r="E626" s="7"/>
      <c r="F626" s="5"/>
      <c r="G626" s="9"/>
      <c r="H626" s="9"/>
      <c r="I626" s="9"/>
      <c r="J626" s="9"/>
    </row>
    <row r="627" spans="1:10" ht="30" customHeight="1" x14ac:dyDescent="0.45">
      <c r="A627" s="6"/>
      <c r="B627" s="6"/>
      <c r="C627" s="6"/>
      <c r="D627" s="6"/>
      <c r="E627" s="7"/>
      <c r="F627" s="5"/>
      <c r="G627" s="9"/>
      <c r="H627" s="9"/>
      <c r="I627" s="9"/>
      <c r="J627" s="9"/>
    </row>
    <row r="628" spans="1:10" ht="30" customHeight="1" x14ac:dyDescent="0.45">
      <c r="A628" s="6"/>
      <c r="B628" s="6"/>
      <c r="C628" s="6"/>
      <c r="D628" s="6"/>
      <c r="E628" s="7"/>
      <c r="F628" s="5"/>
      <c r="G628" s="9"/>
      <c r="H628" s="9"/>
      <c r="I628" s="9"/>
      <c r="J628" s="9"/>
    </row>
    <row r="629" spans="1:10" ht="30" customHeight="1" x14ac:dyDescent="0.45">
      <c r="A629" s="6"/>
      <c r="B629" s="6"/>
      <c r="C629" s="6"/>
      <c r="D629" s="6"/>
      <c r="E629" s="7"/>
      <c r="F629" s="5"/>
      <c r="G629" s="9"/>
      <c r="H629" s="9"/>
      <c r="I629" s="9"/>
      <c r="J629" s="9"/>
    </row>
    <row r="630" spans="1:10" ht="30" customHeight="1" x14ac:dyDescent="0.45">
      <c r="A630" s="6"/>
      <c r="B630" s="6"/>
      <c r="C630" s="6"/>
      <c r="D630" s="6"/>
      <c r="E630" s="7"/>
      <c r="F630" s="5"/>
      <c r="G630" s="9"/>
      <c r="H630" s="9"/>
      <c r="I630" s="9"/>
      <c r="J630" s="9"/>
    </row>
    <row r="631" spans="1:10" ht="30" customHeight="1" x14ac:dyDescent="0.45">
      <c r="A631" s="6"/>
      <c r="B631" s="6"/>
      <c r="C631" s="6"/>
      <c r="D631" s="6"/>
      <c r="E631" s="7"/>
      <c r="F631" s="5"/>
      <c r="G631" s="9"/>
      <c r="H631" s="9"/>
      <c r="I631" s="9"/>
      <c r="J631" s="9"/>
    </row>
    <row r="632" spans="1:10" ht="30" customHeight="1" x14ac:dyDescent="0.45">
      <c r="A632" s="6"/>
      <c r="B632" s="6"/>
      <c r="C632" s="6"/>
      <c r="D632" s="6"/>
      <c r="E632" s="7"/>
      <c r="F632" s="5"/>
      <c r="G632" s="9"/>
      <c r="H632" s="9"/>
      <c r="I632" s="9"/>
      <c r="J632" s="9"/>
    </row>
    <row r="633" spans="1:10" ht="30" customHeight="1" x14ac:dyDescent="0.45">
      <c r="A633" s="6"/>
      <c r="B633" s="6"/>
      <c r="C633" s="6"/>
      <c r="D633" s="6"/>
      <c r="E633" s="7"/>
      <c r="F633" s="5"/>
      <c r="G633" s="9"/>
      <c r="H633" s="9"/>
      <c r="I633" s="9"/>
      <c r="J633" s="9"/>
    </row>
    <row r="634" spans="1:10" ht="30" customHeight="1" x14ac:dyDescent="0.45">
      <c r="A634" s="6"/>
      <c r="B634" s="6"/>
      <c r="C634" s="6"/>
      <c r="D634" s="6"/>
      <c r="E634" s="7"/>
      <c r="F634" s="5"/>
      <c r="G634" s="9"/>
      <c r="H634" s="9"/>
      <c r="I634" s="9"/>
      <c r="J634" s="9"/>
    </row>
    <row r="635" spans="1:10" ht="30" customHeight="1" x14ac:dyDescent="0.45">
      <c r="A635" s="6"/>
      <c r="B635" s="6"/>
      <c r="C635" s="6"/>
      <c r="D635" s="6"/>
      <c r="E635" s="7"/>
      <c r="F635" s="5"/>
      <c r="G635" s="9"/>
      <c r="H635" s="9"/>
      <c r="I635" s="9"/>
      <c r="J635" s="9"/>
    </row>
    <row r="636" spans="1:10" ht="30" customHeight="1" x14ac:dyDescent="0.45">
      <c r="A636" s="6"/>
      <c r="B636" s="6"/>
      <c r="C636" s="6"/>
      <c r="D636" s="6"/>
      <c r="E636" s="7"/>
      <c r="F636" s="5"/>
      <c r="G636" s="9"/>
      <c r="H636" s="9"/>
      <c r="I636" s="9"/>
      <c r="J636" s="9"/>
    </row>
    <row r="637" spans="1:10" ht="30" customHeight="1" x14ac:dyDescent="0.45">
      <c r="A637" s="6"/>
      <c r="B637" s="6"/>
      <c r="C637" s="6"/>
      <c r="D637" s="6"/>
      <c r="E637" s="7"/>
      <c r="F637" s="5"/>
      <c r="G637" s="9"/>
      <c r="H637" s="9"/>
      <c r="I637" s="9"/>
      <c r="J637" s="9"/>
    </row>
    <row r="638" spans="1:10" ht="30" customHeight="1" x14ac:dyDescent="0.45">
      <c r="A638" s="6"/>
      <c r="B638" s="6"/>
      <c r="C638" s="6"/>
      <c r="D638" s="6"/>
      <c r="E638" s="7"/>
      <c r="F638" s="5"/>
      <c r="G638" s="9"/>
      <c r="H638" s="9"/>
      <c r="I638" s="9"/>
      <c r="J638" s="9"/>
    </row>
    <row r="639" spans="1:10" ht="30" customHeight="1" x14ac:dyDescent="0.45">
      <c r="A639" s="6"/>
      <c r="B639" s="6"/>
      <c r="C639" s="6"/>
      <c r="D639" s="6"/>
      <c r="E639" s="7"/>
      <c r="F639" s="5"/>
      <c r="G639" s="9"/>
      <c r="H639" s="9"/>
      <c r="I639" s="9"/>
      <c r="J639" s="9"/>
    </row>
    <row r="640" spans="1:10" ht="30" customHeight="1" x14ac:dyDescent="0.45">
      <c r="A640" s="6"/>
      <c r="B640" s="6"/>
      <c r="C640" s="6"/>
      <c r="D640" s="6"/>
      <c r="E640" s="7"/>
      <c r="F640" s="5"/>
      <c r="G640" s="9"/>
      <c r="H640" s="9"/>
      <c r="I640" s="9"/>
      <c r="J640" s="9"/>
    </row>
    <row r="641" spans="1:10" ht="30" customHeight="1" x14ac:dyDescent="0.45">
      <c r="A641" s="6"/>
      <c r="B641" s="6"/>
      <c r="C641" s="6"/>
      <c r="D641" s="6"/>
      <c r="E641" s="7"/>
      <c r="F641" s="5"/>
      <c r="G641" s="9"/>
      <c r="H641" s="9"/>
      <c r="I641" s="9"/>
      <c r="J641" s="9"/>
    </row>
    <row r="642" spans="1:10" ht="30" customHeight="1" x14ac:dyDescent="0.45">
      <c r="A642" s="6"/>
      <c r="B642" s="6"/>
      <c r="C642" s="6"/>
      <c r="D642" s="6"/>
      <c r="E642" s="7"/>
      <c r="F642" s="5"/>
      <c r="G642" s="9"/>
      <c r="H642" s="9"/>
      <c r="I642" s="9"/>
      <c r="J642" s="9"/>
    </row>
    <row r="643" spans="1:10" ht="30" customHeight="1" x14ac:dyDescent="0.45">
      <c r="A643" s="6"/>
      <c r="B643" s="6"/>
      <c r="C643" s="6"/>
      <c r="D643" s="6"/>
      <c r="E643" s="7"/>
      <c r="F643" s="5"/>
      <c r="G643" s="9"/>
      <c r="H643" s="9"/>
      <c r="I643" s="9"/>
      <c r="J643" s="9"/>
    </row>
    <row r="644" spans="1:10" ht="30" customHeight="1" x14ac:dyDescent="0.45">
      <c r="A644" s="6"/>
      <c r="B644" s="6"/>
      <c r="C644" s="6"/>
      <c r="D644" s="6"/>
      <c r="E644" s="7"/>
      <c r="F644" s="5"/>
      <c r="G644" s="9"/>
      <c r="H644" s="9"/>
      <c r="I644" s="9"/>
      <c r="J644" s="9"/>
    </row>
    <row r="645" spans="1:10" ht="30" customHeight="1" x14ac:dyDescent="0.45">
      <c r="A645" s="6"/>
      <c r="B645" s="6"/>
      <c r="C645" s="6"/>
      <c r="D645" s="6"/>
      <c r="E645" s="7"/>
      <c r="F645" s="5"/>
      <c r="G645" s="9"/>
      <c r="H645" s="9"/>
      <c r="I645" s="9"/>
      <c r="J645" s="9"/>
    </row>
    <row r="646" spans="1:10" ht="30" customHeight="1" x14ac:dyDescent="0.45">
      <c r="A646" s="6"/>
      <c r="B646" s="6"/>
      <c r="C646" s="6"/>
      <c r="D646" s="6"/>
      <c r="E646" s="7"/>
      <c r="F646" s="5"/>
      <c r="G646" s="9"/>
      <c r="H646" s="9"/>
      <c r="I646" s="9"/>
      <c r="J646" s="9"/>
    </row>
    <row r="647" spans="1:10" ht="30" customHeight="1" x14ac:dyDescent="0.45">
      <c r="A647" s="6"/>
      <c r="B647" s="6"/>
      <c r="C647" s="6"/>
      <c r="D647" s="6"/>
      <c r="E647" s="7"/>
      <c r="F647" s="5"/>
      <c r="G647" s="9"/>
      <c r="H647" s="9"/>
      <c r="I647" s="9"/>
      <c r="J647" s="9"/>
    </row>
    <row r="648" spans="1:10" ht="30" customHeight="1" x14ac:dyDescent="0.45">
      <c r="A648" s="6"/>
      <c r="B648" s="6"/>
      <c r="C648" s="6"/>
      <c r="D648" s="6"/>
      <c r="E648" s="7"/>
      <c r="F648" s="5"/>
      <c r="G648" s="9"/>
      <c r="H648" s="9"/>
      <c r="I648" s="9"/>
      <c r="J648" s="9"/>
    </row>
    <row r="649" spans="1:10" ht="30" customHeight="1" x14ac:dyDescent="0.45">
      <c r="A649" s="6"/>
      <c r="B649" s="6"/>
      <c r="C649" s="6"/>
      <c r="D649" s="6"/>
      <c r="E649" s="7"/>
      <c r="F649" s="5"/>
      <c r="G649" s="9"/>
      <c r="H649" s="9"/>
      <c r="I649" s="9"/>
      <c r="J649" s="9"/>
    </row>
    <row r="650" spans="1:10" ht="30" customHeight="1" x14ac:dyDescent="0.45">
      <c r="A650" s="6"/>
      <c r="B650" s="6"/>
      <c r="C650" s="6"/>
      <c r="D650" s="6"/>
      <c r="E650" s="7"/>
      <c r="F650" s="5"/>
      <c r="G650" s="9"/>
      <c r="H650" s="9"/>
      <c r="I650" s="9"/>
      <c r="J650" s="9"/>
    </row>
    <row r="651" spans="1:10" ht="30" customHeight="1" x14ac:dyDescent="0.45">
      <c r="A651" s="6"/>
      <c r="B651" s="6"/>
      <c r="C651" s="6"/>
      <c r="D651" s="6"/>
      <c r="E651" s="7"/>
      <c r="F651" s="5"/>
      <c r="G651" s="9"/>
      <c r="H651" s="9"/>
      <c r="I651" s="9"/>
      <c r="J651" s="9"/>
    </row>
    <row r="652" spans="1:10" ht="30" customHeight="1" x14ac:dyDescent="0.45">
      <c r="A652" s="6"/>
      <c r="B652" s="6"/>
      <c r="C652" s="6"/>
      <c r="D652" s="6"/>
      <c r="E652" s="7"/>
      <c r="F652" s="5"/>
      <c r="G652" s="9"/>
      <c r="H652" s="9"/>
      <c r="I652" s="9"/>
      <c r="J652" s="9"/>
    </row>
    <row r="653" spans="1:10" ht="30" customHeight="1" x14ac:dyDescent="0.45">
      <c r="A653" s="6"/>
      <c r="B653" s="6"/>
      <c r="C653" s="6"/>
      <c r="D653" s="6"/>
      <c r="E653" s="7"/>
      <c r="F653" s="5"/>
      <c r="G653" s="9"/>
      <c r="H653" s="9"/>
      <c r="I653" s="9"/>
      <c r="J653" s="9"/>
    </row>
    <row r="654" spans="1:10" ht="30" customHeight="1" x14ac:dyDescent="0.45">
      <c r="A654" s="6"/>
      <c r="B654" s="6"/>
      <c r="C654" s="6"/>
      <c r="D654" s="6"/>
      <c r="E654" s="7"/>
      <c r="F654" s="5"/>
      <c r="G654" s="9"/>
      <c r="H654" s="9"/>
      <c r="I654" s="9"/>
      <c r="J654" s="9"/>
    </row>
    <row r="655" spans="1:10" ht="30" customHeight="1" x14ac:dyDescent="0.45">
      <c r="A655" s="6"/>
      <c r="B655" s="6"/>
      <c r="C655" s="6"/>
      <c r="D655" s="6"/>
      <c r="E655" s="7"/>
      <c r="F655" s="5"/>
      <c r="G655" s="9"/>
      <c r="H655" s="9"/>
      <c r="I655" s="9"/>
      <c r="J655" s="9"/>
    </row>
    <row r="656" spans="1:10" ht="30" customHeight="1" x14ac:dyDescent="0.45">
      <c r="A656" s="6"/>
      <c r="B656" s="6"/>
      <c r="C656" s="6"/>
      <c r="D656" s="6"/>
      <c r="E656" s="7"/>
      <c r="F656" s="5"/>
      <c r="G656" s="9"/>
      <c r="H656" s="9"/>
      <c r="I656" s="9"/>
      <c r="J656" s="9"/>
    </row>
    <row r="657" spans="1:10" ht="30" customHeight="1" x14ac:dyDescent="0.45">
      <c r="A657" s="6"/>
      <c r="B657" s="6"/>
      <c r="C657" s="6"/>
      <c r="D657" s="6"/>
      <c r="E657" s="7"/>
      <c r="F657" s="5"/>
      <c r="G657" s="9"/>
      <c r="H657" s="9"/>
      <c r="I657" s="9"/>
      <c r="J657" s="9"/>
    </row>
    <row r="658" spans="1:10" ht="30" customHeight="1" x14ac:dyDescent="0.45">
      <c r="A658" s="6"/>
      <c r="B658" s="6"/>
      <c r="C658" s="6"/>
      <c r="D658" s="6"/>
      <c r="E658" s="7"/>
      <c r="F658" s="5"/>
      <c r="G658" s="9"/>
      <c r="H658" s="9"/>
      <c r="I658" s="9"/>
      <c r="J658" s="9"/>
    </row>
    <row r="659" spans="1:10" ht="30" customHeight="1" x14ac:dyDescent="0.45">
      <c r="A659" s="6"/>
      <c r="B659" s="6"/>
      <c r="C659" s="6"/>
      <c r="D659" s="6"/>
      <c r="E659" s="7"/>
      <c r="F659" s="5"/>
      <c r="G659" s="9"/>
      <c r="H659" s="9"/>
      <c r="I659" s="9"/>
      <c r="J659" s="9"/>
    </row>
    <row r="660" spans="1:10" ht="30" customHeight="1" x14ac:dyDescent="0.45">
      <c r="A660" s="6"/>
      <c r="B660" s="6"/>
      <c r="C660" s="6"/>
      <c r="D660" s="6"/>
      <c r="E660" s="7"/>
      <c r="F660" s="5"/>
      <c r="G660" s="9"/>
      <c r="H660" s="9"/>
      <c r="I660" s="9"/>
      <c r="J660" s="9"/>
    </row>
    <row r="661" spans="1:10" ht="30" customHeight="1" x14ac:dyDescent="0.45">
      <c r="A661" s="6"/>
      <c r="B661" s="6"/>
      <c r="C661" s="6"/>
      <c r="D661" s="6"/>
      <c r="E661" s="7"/>
      <c r="F661" s="5"/>
      <c r="G661" s="9"/>
      <c r="H661" s="9"/>
      <c r="I661" s="9"/>
      <c r="J661" s="9"/>
    </row>
    <row r="662" spans="1:10" ht="30" customHeight="1" x14ac:dyDescent="0.45">
      <c r="A662" s="6"/>
      <c r="B662" s="6"/>
      <c r="C662" s="6"/>
      <c r="D662" s="6"/>
      <c r="E662" s="7"/>
      <c r="F662" s="5"/>
      <c r="G662" s="9"/>
      <c r="H662" s="9"/>
      <c r="I662" s="9"/>
      <c r="J662" s="9"/>
    </row>
    <row r="663" spans="1:10" ht="30" customHeight="1" x14ac:dyDescent="0.45">
      <c r="A663" s="6"/>
      <c r="B663" s="6"/>
      <c r="C663" s="6"/>
      <c r="D663" s="6"/>
      <c r="E663" s="7"/>
      <c r="F663" s="5"/>
      <c r="G663" s="9"/>
      <c r="H663" s="9"/>
      <c r="I663" s="9"/>
      <c r="J663" s="9"/>
    </row>
    <row r="664" spans="1:10" ht="30" customHeight="1" x14ac:dyDescent="0.45">
      <c r="A664" s="6"/>
      <c r="B664" s="6"/>
      <c r="C664" s="6"/>
      <c r="D664" s="6"/>
      <c r="E664" s="7"/>
      <c r="F664" s="5"/>
      <c r="G664" s="9"/>
      <c r="H664" s="9"/>
      <c r="I664" s="9"/>
      <c r="J664" s="9"/>
    </row>
    <row r="665" spans="1:10" ht="30" customHeight="1" x14ac:dyDescent="0.45">
      <c r="A665" s="6"/>
      <c r="B665" s="6"/>
      <c r="C665" s="6"/>
      <c r="D665" s="6"/>
      <c r="E665" s="7"/>
      <c r="F665" s="5"/>
      <c r="G665" s="9"/>
      <c r="H665" s="9"/>
      <c r="I665" s="9"/>
      <c r="J665" s="9"/>
    </row>
    <row r="666" spans="1:10" ht="30" customHeight="1" x14ac:dyDescent="0.45">
      <c r="A666" s="6"/>
      <c r="B666" s="6"/>
      <c r="C666" s="6"/>
      <c r="D666" s="6"/>
      <c r="E666" s="7"/>
      <c r="F666" s="5"/>
      <c r="G666" s="9"/>
      <c r="H666" s="9"/>
      <c r="I666" s="9"/>
      <c r="J666" s="9"/>
    </row>
    <row r="667" spans="1:10" ht="30" customHeight="1" x14ac:dyDescent="0.45">
      <c r="A667" s="6"/>
      <c r="B667" s="6"/>
      <c r="C667" s="6"/>
      <c r="D667" s="6"/>
      <c r="E667" s="7"/>
      <c r="F667" s="5"/>
      <c r="G667" s="9"/>
      <c r="H667" s="9"/>
      <c r="I667" s="9"/>
      <c r="J667" s="9"/>
    </row>
    <row r="668" spans="1:10" ht="30" customHeight="1" x14ac:dyDescent="0.45">
      <c r="A668" s="6"/>
      <c r="B668" s="6"/>
      <c r="C668" s="6"/>
      <c r="D668" s="6"/>
      <c r="E668" s="7"/>
      <c r="F668" s="5"/>
      <c r="G668" s="9"/>
      <c r="H668" s="9"/>
      <c r="I668" s="9"/>
      <c r="J668" s="9"/>
    </row>
    <row r="669" spans="1:10" ht="30" customHeight="1" x14ac:dyDescent="0.45">
      <c r="A669" s="6"/>
      <c r="B669" s="6"/>
      <c r="C669" s="6"/>
      <c r="D669" s="6"/>
      <c r="E669" s="7"/>
      <c r="F669" s="5"/>
      <c r="G669" s="9"/>
      <c r="H669" s="9"/>
      <c r="I669" s="9"/>
      <c r="J669" s="9"/>
    </row>
    <row r="670" spans="1:10" ht="30" customHeight="1" x14ac:dyDescent="0.45">
      <c r="A670" s="6"/>
      <c r="B670" s="6"/>
      <c r="C670" s="6"/>
      <c r="D670" s="6"/>
      <c r="E670" s="7"/>
      <c r="F670" s="5"/>
      <c r="G670" s="9"/>
      <c r="H670" s="9"/>
      <c r="I670" s="9"/>
      <c r="J670" s="9"/>
    </row>
    <row r="671" spans="1:10" ht="30" customHeight="1" x14ac:dyDescent="0.45">
      <c r="A671" s="6"/>
      <c r="B671" s="6"/>
      <c r="C671" s="6"/>
      <c r="D671" s="6"/>
      <c r="E671" s="7"/>
      <c r="F671" s="5"/>
      <c r="G671" s="9"/>
      <c r="H671" s="9"/>
      <c r="I671" s="9"/>
      <c r="J671" s="9"/>
    </row>
    <row r="672" spans="1:10" ht="30" customHeight="1" x14ac:dyDescent="0.45">
      <c r="A672" s="6"/>
      <c r="B672" s="6"/>
      <c r="C672" s="6"/>
      <c r="D672" s="6"/>
      <c r="E672" s="7"/>
      <c r="F672" s="5"/>
      <c r="G672" s="9"/>
      <c r="H672" s="9"/>
      <c r="I672" s="9"/>
      <c r="J672" s="9"/>
    </row>
    <row r="673" spans="1:10" ht="30" customHeight="1" x14ac:dyDescent="0.45">
      <c r="A673" s="6"/>
      <c r="B673" s="6"/>
      <c r="C673" s="6"/>
      <c r="D673" s="6"/>
      <c r="E673" s="7"/>
      <c r="F673" s="5"/>
      <c r="G673" s="9"/>
      <c r="H673" s="9"/>
      <c r="I673" s="9"/>
      <c r="J673" s="9"/>
    </row>
    <row r="674" spans="1:10" ht="30" customHeight="1" x14ac:dyDescent="0.45">
      <c r="A674" s="6"/>
      <c r="B674" s="6"/>
      <c r="C674" s="6"/>
      <c r="D674" s="6"/>
      <c r="E674" s="7"/>
      <c r="F674" s="5"/>
      <c r="G674" s="9"/>
      <c r="H674" s="9"/>
      <c r="I674" s="9"/>
      <c r="J674" s="9"/>
    </row>
    <row r="675" spans="1:10" ht="30" customHeight="1" x14ac:dyDescent="0.45">
      <c r="A675" s="6"/>
      <c r="B675" s="6"/>
      <c r="C675" s="6"/>
      <c r="D675" s="6"/>
      <c r="E675" s="7"/>
      <c r="F675" s="5"/>
      <c r="G675" s="9"/>
      <c r="H675" s="9"/>
      <c r="I675" s="9"/>
      <c r="J675" s="9"/>
    </row>
    <row r="676" spans="1:10" ht="30" customHeight="1" x14ac:dyDescent="0.45">
      <c r="A676" s="6"/>
      <c r="B676" s="6"/>
      <c r="C676" s="6"/>
      <c r="D676" s="6"/>
      <c r="E676" s="7"/>
      <c r="F676" s="5"/>
      <c r="G676" s="9"/>
      <c r="H676" s="9"/>
      <c r="I676" s="9"/>
      <c r="J676" s="9"/>
    </row>
    <row r="677" spans="1:10" ht="30" customHeight="1" x14ac:dyDescent="0.45">
      <c r="A677" s="6"/>
      <c r="B677" s="6"/>
      <c r="C677" s="6"/>
      <c r="D677" s="6"/>
      <c r="E677" s="7"/>
      <c r="F677" s="5"/>
      <c r="G677" s="9"/>
      <c r="H677" s="9"/>
      <c r="I677" s="9"/>
      <c r="J677" s="9"/>
    </row>
    <row r="678" spans="1:10" ht="30" customHeight="1" x14ac:dyDescent="0.45">
      <c r="A678" s="6"/>
      <c r="B678" s="6"/>
      <c r="C678" s="6"/>
      <c r="D678" s="6"/>
      <c r="E678" s="7"/>
      <c r="F678" s="5"/>
      <c r="G678" s="9"/>
      <c r="H678" s="9"/>
      <c r="I678" s="9"/>
      <c r="J678" s="9"/>
    </row>
    <row r="679" spans="1:10" ht="30" customHeight="1" x14ac:dyDescent="0.45">
      <c r="A679" s="6"/>
      <c r="B679" s="6"/>
      <c r="C679" s="6"/>
      <c r="D679" s="6"/>
      <c r="E679" s="7"/>
      <c r="F679" s="5"/>
      <c r="G679" s="9"/>
      <c r="H679" s="9"/>
      <c r="I679" s="9"/>
      <c r="J679" s="9"/>
    </row>
    <row r="680" spans="1:10" ht="30" customHeight="1" x14ac:dyDescent="0.45">
      <c r="A680" s="6"/>
      <c r="B680" s="6"/>
      <c r="C680" s="6"/>
      <c r="D680" s="6"/>
      <c r="E680" s="7"/>
      <c r="F680" s="5"/>
      <c r="G680" s="9"/>
      <c r="H680" s="9"/>
      <c r="I680" s="9"/>
      <c r="J680" s="9"/>
    </row>
    <row r="681" spans="1:10" ht="30" customHeight="1" x14ac:dyDescent="0.45">
      <c r="A681" s="6"/>
      <c r="B681" s="6"/>
      <c r="C681" s="6"/>
      <c r="D681" s="6"/>
      <c r="E681" s="7"/>
      <c r="F681" s="5"/>
      <c r="G681" s="9"/>
      <c r="H681" s="9"/>
      <c r="I681" s="9"/>
      <c r="J681" s="9"/>
    </row>
    <row r="682" spans="1:10" ht="30" customHeight="1" x14ac:dyDescent="0.45">
      <c r="A682" s="6"/>
      <c r="B682" s="6"/>
      <c r="C682" s="6"/>
      <c r="D682" s="6"/>
      <c r="E682" s="7"/>
      <c r="F682" s="5"/>
      <c r="G682" s="9"/>
      <c r="H682" s="9"/>
      <c r="I682" s="9"/>
      <c r="J682" s="9"/>
    </row>
    <row r="683" spans="1:10" ht="30" customHeight="1" x14ac:dyDescent="0.45">
      <c r="A683" s="6"/>
      <c r="B683" s="6"/>
      <c r="C683" s="6"/>
      <c r="D683" s="6"/>
      <c r="E683" s="7"/>
      <c r="F683" s="5"/>
      <c r="G683" s="9"/>
      <c r="H683" s="9"/>
      <c r="I683" s="9"/>
      <c r="J683" s="9"/>
    </row>
    <row r="684" spans="1:10" ht="30" customHeight="1" x14ac:dyDescent="0.45">
      <c r="A684" s="6"/>
      <c r="B684" s="6"/>
      <c r="C684" s="6"/>
      <c r="D684" s="6"/>
      <c r="E684" s="7"/>
      <c r="F684" s="5"/>
      <c r="G684" s="9"/>
      <c r="H684" s="9"/>
      <c r="I684" s="9"/>
      <c r="J684" s="9"/>
    </row>
    <row r="685" spans="1:10" ht="30" customHeight="1" x14ac:dyDescent="0.45">
      <c r="A685" s="6"/>
      <c r="B685" s="6"/>
      <c r="C685" s="6"/>
      <c r="D685" s="6"/>
      <c r="E685" s="7"/>
      <c r="F685" s="5"/>
      <c r="G685" s="9"/>
      <c r="H685" s="9"/>
      <c r="I685" s="9"/>
      <c r="J685" s="9"/>
    </row>
    <row r="686" spans="1:10" ht="30" customHeight="1" x14ac:dyDescent="0.45">
      <c r="A686" s="6"/>
      <c r="B686" s="6"/>
      <c r="C686" s="6"/>
      <c r="D686" s="6"/>
      <c r="E686" s="7"/>
      <c r="F686" s="5"/>
      <c r="G686" s="9"/>
      <c r="H686" s="9"/>
      <c r="I686" s="9"/>
      <c r="J686" s="9"/>
    </row>
    <row r="687" spans="1:10" ht="30" customHeight="1" x14ac:dyDescent="0.45">
      <c r="A687" s="6"/>
      <c r="B687" s="6"/>
      <c r="C687" s="6"/>
      <c r="D687" s="6"/>
      <c r="E687" s="7"/>
      <c r="F687" s="5"/>
      <c r="G687" s="9"/>
      <c r="H687" s="9"/>
      <c r="I687" s="9"/>
      <c r="J687" s="9"/>
    </row>
    <row r="688" spans="1:10" ht="30" customHeight="1" x14ac:dyDescent="0.45">
      <c r="A688" s="6"/>
      <c r="B688" s="6"/>
      <c r="C688" s="6"/>
      <c r="D688" s="6"/>
      <c r="E688" s="7"/>
      <c r="F688" s="5"/>
      <c r="G688" s="9"/>
      <c r="H688" s="9"/>
      <c r="I688" s="9"/>
      <c r="J688" s="9"/>
    </row>
    <row r="689" spans="1:10" ht="30" customHeight="1" x14ac:dyDescent="0.45">
      <c r="A689" s="6"/>
      <c r="B689" s="6"/>
      <c r="C689" s="6"/>
      <c r="D689" s="6"/>
      <c r="E689" s="7"/>
      <c r="F689" s="5"/>
      <c r="G689" s="9"/>
      <c r="H689" s="9"/>
      <c r="I689" s="9"/>
      <c r="J689" s="9"/>
    </row>
    <row r="690" spans="1:10" ht="30" customHeight="1" x14ac:dyDescent="0.45">
      <c r="A690" s="6"/>
      <c r="B690" s="6"/>
      <c r="C690" s="6"/>
      <c r="D690" s="6"/>
      <c r="E690" s="7"/>
      <c r="F690" s="5"/>
      <c r="G690" s="9"/>
      <c r="H690" s="9"/>
      <c r="I690" s="9"/>
      <c r="J690" s="9"/>
    </row>
    <row r="691" spans="1:10" ht="30" customHeight="1" x14ac:dyDescent="0.45">
      <c r="A691" s="6"/>
      <c r="B691" s="6"/>
      <c r="C691" s="6"/>
      <c r="D691" s="6"/>
      <c r="E691" s="7"/>
      <c r="F691" s="5"/>
      <c r="G691" s="9"/>
      <c r="H691" s="9"/>
      <c r="I691" s="9"/>
      <c r="J691" s="9"/>
    </row>
    <row r="692" spans="1:10" ht="30" customHeight="1" x14ac:dyDescent="0.45">
      <c r="A692" s="6"/>
      <c r="B692" s="6"/>
      <c r="C692" s="6"/>
      <c r="D692" s="6"/>
      <c r="E692" s="7"/>
      <c r="F692" s="5"/>
      <c r="G692" s="9"/>
      <c r="H692" s="9"/>
      <c r="I692" s="9"/>
      <c r="J692" s="9"/>
    </row>
    <row r="693" spans="1:10" ht="30" customHeight="1" x14ac:dyDescent="0.45">
      <c r="A693" s="6"/>
      <c r="B693" s="6"/>
      <c r="C693" s="6"/>
      <c r="D693" s="6"/>
      <c r="E693" s="7"/>
      <c r="F693" s="5"/>
      <c r="G693" s="9"/>
      <c r="H693" s="9"/>
      <c r="I693" s="9"/>
      <c r="J693" s="9"/>
    </row>
    <row r="694" spans="1:10" ht="30" customHeight="1" x14ac:dyDescent="0.45">
      <c r="A694" s="6"/>
      <c r="B694" s="6"/>
      <c r="C694" s="6"/>
      <c r="D694" s="6"/>
      <c r="E694" s="7"/>
      <c r="F694" s="5"/>
      <c r="G694" s="9"/>
      <c r="H694" s="9"/>
      <c r="I694" s="9"/>
      <c r="J694" s="9"/>
    </row>
    <row r="695" spans="1:10" ht="30" customHeight="1" x14ac:dyDescent="0.45">
      <c r="A695" s="6"/>
      <c r="B695" s="6"/>
      <c r="C695" s="6"/>
      <c r="D695" s="6"/>
      <c r="E695" s="7"/>
      <c r="F695" s="5"/>
      <c r="G695" s="9"/>
      <c r="H695" s="9"/>
      <c r="I695" s="9"/>
      <c r="J695" s="9"/>
    </row>
    <row r="696" spans="1:10" ht="30" customHeight="1" x14ac:dyDescent="0.45">
      <c r="A696" s="6"/>
      <c r="B696" s="6"/>
      <c r="C696" s="6"/>
      <c r="D696" s="6"/>
      <c r="E696" s="7"/>
      <c r="F696" s="5"/>
      <c r="G696" s="9"/>
      <c r="H696" s="9"/>
      <c r="I696" s="9"/>
      <c r="J696" s="9"/>
    </row>
    <row r="697" spans="1:10" ht="30" customHeight="1" x14ac:dyDescent="0.45">
      <c r="A697" s="6"/>
      <c r="B697" s="6"/>
      <c r="C697" s="6"/>
      <c r="D697" s="6"/>
      <c r="E697" s="7"/>
      <c r="F697" s="5"/>
      <c r="G697" s="9"/>
      <c r="H697" s="9"/>
      <c r="I697" s="9"/>
      <c r="J697" s="9"/>
    </row>
    <row r="698" spans="1:10" ht="30" customHeight="1" x14ac:dyDescent="0.45">
      <c r="A698" s="6"/>
      <c r="B698" s="6"/>
      <c r="C698" s="6"/>
      <c r="D698" s="6"/>
      <c r="E698" s="7"/>
      <c r="F698" s="5"/>
      <c r="G698" s="9"/>
      <c r="H698" s="9"/>
      <c r="I698" s="9"/>
      <c r="J698" s="9"/>
    </row>
    <row r="699" spans="1:10" ht="30" customHeight="1" x14ac:dyDescent="0.45">
      <c r="A699" s="6"/>
      <c r="B699" s="6"/>
      <c r="C699" s="6"/>
      <c r="D699" s="6"/>
      <c r="E699" s="7"/>
      <c r="F699" s="5"/>
      <c r="G699" s="9"/>
      <c r="H699" s="9"/>
      <c r="I699" s="9"/>
      <c r="J699" s="9"/>
    </row>
    <row r="700" spans="1:10" ht="30" customHeight="1" x14ac:dyDescent="0.45">
      <c r="A700" s="6"/>
      <c r="B700" s="6"/>
      <c r="C700" s="6"/>
      <c r="D700" s="6"/>
      <c r="E700" s="7"/>
      <c r="F700" s="5"/>
      <c r="G700" s="9"/>
      <c r="H700" s="9"/>
      <c r="I700" s="9"/>
      <c r="J700" s="9"/>
    </row>
    <row r="701" spans="1:10" ht="30" customHeight="1" x14ac:dyDescent="0.45">
      <c r="A701" s="6"/>
      <c r="B701" s="6"/>
      <c r="C701" s="6"/>
      <c r="D701" s="6"/>
      <c r="E701" s="7"/>
      <c r="F701" s="5"/>
      <c r="G701" s="9"/>
      <c r="H701" s="9"/>
      <c r="I701" s="9"/>
      <c r="J701" s="9"/>
    </row>
    <row r="702" spans="1:10" ht="30" customHeight="1" x14ac:dyDescent="0.45">
      <c r="A702" s="6"/>
      <c r="B702" s="6"/>
      <c r="C702" s="6"/>
      <c r="D702" s="6"/>
      <c r="E702" s="7"/>
      <c r="F702" s="5"/>
      <c r="G702" s="9"/>
      <c r="H702" s="9"/>
      <c r="I702" s="9"/>
      <c r="J702" s="9"/>
    </row>
    <row r="703" spans="1:10" ht="30" customHeight="1" x14ac:dyDescent="0.45">
      <c r="A703" s="6"/>
      <c r="B703" s="6"/>
      <c r="C703" s="6"/>
      <c r="D703" s="6"/>
      <c r="E703" s="7"/>
      <c r="F703" s="5"/>
      <c r="G703" s="9"/>
      <c r="H703" s="9"/>
      <c r="I703" s="9"/>
      <c r="J703" s="9"/>
    </row>
    <row r="704" spans="1:10" ht="30" customHeight="1" x14ac:dyDescent="0.45">
      <c r="A704" s="6"/>
      <c r="B704" s="6"/>
      <c r="C704" s="6"/>
      <c r="D704" s="6"/>
      <c r="E704" s="7"/>
      <c r="F704" s="5"/>
      <c r="G704" s="9"/>
      <c r="H704" s="9"/>
      <c r="I704" s="9"/>
      <c r="J704" s="9"/>
    </row>
    <row r="705" spans="1:10" ht="30" customHeight="1" x14ac:dyDescent="0.45">
      <c r="A705" s="6"/>
      <c r="B705" s="6"/>
      <c r="C705" s="6"/>
      <c r="D705" s="6"/>
      <c r="E705" s="7"/>
      <c r="F705" s="5"/>
      <c r="G705" s="9"/>
      <c r="H705" s="9"/>
      <c r="I705" s="9"/>
      <c r="J705" s="9"/>
    </row>
    <row r="706" spans="1:10" ht="30" customHeight="1" x14ac:dyDescent="0.45">
      <c r="A706" s="6"/>
      <c r="B706" s="6"/>
      <c r="C706" s="6"/>
      <c r="D706" s="6"/>
      <c r="E706" s="7"/>
      <c r="F706" s="5"/>
      <c r="G706" s="9"/>
      <c r="H706" s="9"/>
      <c r="I706" s="9"/>
      <c r="J706" s="9"/>
    </row>
    <row r="707" spans="1:10" ht="30" customHeight="1" x14ac:dyDescent="0.45">
      <c r="A707" s="6"/>
      <c r="B707" s="6"/>
      <c r="C707" s="6"/>
      <c r="D707" s="6"/>
      <c r="E707" s="7"/>
      <c r="F707" s="5"/>
      <c r="G707" s="9"/>
      <c r="H707" s="9"/>
      <c r="I707" s="9"/>
      <c r="J707" s="9"/>
    </row>
    <row r="708" spans="1:10" ht="30" customHeight="1" x14ac:dyDescent="0.45">
      <c r="A708" s="6"/>
      <c r="B708" s="6"/>
      <c r="C708" s="6"/>
      <c r="D708" s="6"/>
      <c r="E708" s="7"/>
      <c r="F708" s="5"/>
      <c r="G708" s="9"/>
      <c r="H708" s="9"/>
      <c r="I708" s="9"/>
      <c r="J708" s="9"/>
    </row>
    <row r="709" spans="1:10" ht="30" customHeight="1" x14ac:dyDescent="0.45">
      <c r="A709" s="6"/>
      <c r="B709" s="6"/>
      <c r="C709" s="6"/>
      <c r="D709" s="6"/>
      <c r="E709" s="7"/>
      <c r="F709" s="5"/>
      <c r="G709" s="9"/>
      <c r="H709" s="9"/>
      <c r="I709" s="9"/>
      <c r="J709" s="9"/>
    </row>
    <row r="710" spans="1:10" ht="30" customHeight="1" x14ac:dyDescent="0.45">
      <c r="A710" s="6"/>
      <c r="B710" s="6"/>
      <c r="C710" s="6"/>
      <c r="D710" s="6"/>
      <c r="E710" s="7"/>
      <c r="F710" s="5"/>
      <c r="G710" s="9"/>
      <c r="H710" s="9"/>
      <c r="I710" s="9"/>
      <c r="J710" s="9"/>
    </row>
    <row r="711" spans="1:10" ht="30" customHeight="1" x14ac:dyDescent="0.45">
      <c r="A711" s="6"/>
      <c r="B711" s="6"/>
      <c r="C711" s="6"/>
      <c r="D711" s="6"/>
      <c r="E711" s="7"/>
      <c r="F711" s="5"/>
      <c r="G711" s="9"/>
      <c r="H711" s="9"/>
      <c r="I711" s="9"/>
      <c r="J711" s="9"/>
    </row>
    <row r="712" spans="1:10" ht="30" customHeight="1" x14ac:dyDescent="0.45">
      <c r="A712" s="6"/>
      <c r="B712" s="6"/>
      <c r="C712" s="6"/>
      <c r="D712" s="6"/>
      <c r="E712" s="7"/>
      <c r="F712" s="5"/>
      <c r="G712" s="9"/>
      <c r="H712" s="9"/>
      <c r="I712" s="9"/>
      <c r="J712" s="9"/>
    </row>
    <row r="713" spans="1:10" ht="30" customHeight="1" x14ac:dyDescent="0.45">
      <c r="A713" s="6"/>
      <c r="B713" s="6"/>
      <c r="C713" s="6"/>
      <c r="D713" s="6"/>
      <c r="E713" s="7"/>
      <c r="F713" s="5"/>
      <c r="G713" s="9"/>
      <c r="H713" s="9"/>
      <c r="I713" s="9"/>
      <c r="J713" s="9"/>
    </row>
    <row r="714" spans="1:10" ht="30" customHeight="1" x14ac:dyDescent="0.45">
      <c r="A714" s="6"/>
      <c r="B714" s="6"/>
      <c r="C714" s="6"/>
      <c r="D714" s="6"/>
      <c r="E714" s="7"/>
      <c r="F714" s="5"/>
      <c r="G714" s="9"/>
      <c r="H714" s="9"/>
      <c r="I714" s="9"/>
      <c r="J714" s="9"/>
    </row>
    <row r="715" spans="1:10" ht="30" customHeight="1" x14ac:dyDescent="0.45">
      <c r="A715" s="6"/>
      <c r="B715" s="6"/>
      <c r="C715" s="6"/>
      <c r="D715" s="6"/>
      <c r="E715" s="7"/>
      <c r="F715" s="5"/>
      <c r="G715" s="9"/>
      <c r="H715" s="9"/>
      <c r="I715" s="9"/>
      <c r="J715" s="9"/>
    </row>
    <row r="716" spans="1:10" ht="30" customHeight="1" x14ac:dyDescent="0.45">
      <c r="A716" s="6"/>
      <c r="B716" s="6"/>
      <c r="C716" s="6"/>
      <c r="D716" s="6"/>
      <c r="E716" s="7"/>
      <c r="F716" s="5"/>
      <c r="G716" s="9"/>
      <c r="H716" s="9"/>
      <c r="I716" s="9"/>
      <c r="J716" s="9"/>
    </row>
    <row r="717" spans="1:10" ht="30" customHeight="1" x14ac:dyDescent="0.45">
      <c r="A717" s="6"/>
      <c r="B717" s="6"/>
      <c r="C717" s="6"/>
      <c r="D717" s="6"/>
      <c r="E717" s="7"/>
      <c r="F717" s="5"/>
      <c r="G717" s="9"/>
      <c r="H717" s="9"/>
      <c r="I717" s="9"/>
      <c r="J717" s="9"/>
    </row>
    <row r="718" spans="1:10" ht="30" customHeight="1" x14ac:dyDescent="0.45">
      <c r="A718" s="6"/>
      <c r="B718" s="6"/>
      <c r="C718" s="6"/>
      <c r="D718" s="6"/>
      <c r="E718" s="7"/>
      <c r="F718" s="5"/>
      <c r="G718" s="9"/>
      <c r="H718" s="9"/>
      <c r="I718" s="9"/>
      <c r="J718" s="9"/>
    </row>
    <row r="719" spans="1:10" ht="30" customHeight="1" x14ac:dyDescent="0.45">
      <c r="A719" s="6"/>
      <c r="B719" s="6"/>
      <c r="C719" s="6"/>
      <c r="D719" s="6"/>
      <c r="E719" s="7"/>
      <c r="F719" s="5"/>
      <c r="G719" s="9"/>
      <c r="H719" s="9"/>
      <c r="I719" s="9"/>
      <c r="J719" s="9"/>
    </row>
    <row r="720" spans="1:10" ht="30" customHeight="1" x14ac:dyDescent="0.45">
      <c r="A720" s="6"/>
      <c r="B720" s="6"/>
      <c r="C720" s="6"/>
      <c r="D720" s="6"/>
      <c r="E720" s="7"/>
      <c r="F720" s="5"/>
      <c r="G720" s="9"/>
      <c r="H720" s="9"/>
      <c r="I720" s="9"/>
      <c r="J720" s="9"/>
    </row>
    <row r="721" spans="1:10" ht="30" customHeight="1" x14ac:dyDescent="0.45">
      <c r="A721" s="6"/>
      <c r="B721" s="6"/>
      <c r="C721" s="6"/>
      <c r="D721" s="6"/>
      <c r="E721" s="7"/>
      <c r="F721" s="5"/>
      <c r="G721" s="9"/>
      <c r="H721" s="9"/>
      <c r="I721" s="9"/>
      <c r="J721" s="9"/>
    </row>
    <row r="722" spans="1:10" ht="30" customHeight="1" x14ac:dyDescent="0.45">
      <c r="A722" s="6"/>
      <c r="B722" s="6"/>
      <c r="C722" s="6"/>
      <c r="D722" s="6"/>
      <c r="E722" s="7"/>
      <c r="F722" s="5"/>
      <c r="G722" s="9"/>
      <c r="H722" s="9"/>
      <c r="I722" s="9"/>
      <c r="J722" s="9"/>
    </row>
    <row r="723" spans="1:10" ht="30" customHeight="1" x14ac:dyDescent="0.45">
      <c r="A723" s="6"/>
      <c r="B723" s="6"/>
      <c r="C723" s="6"/>
      <c r="D723" s="6"/>
      <c r="E723" s="7"/>
      <c r="F723" s="5"/>
      <c r="G723" s="9"/>
      <c r="H723" s="9"/>
      <c r="I723" s="9"/>
      <c r="J723" s="9"/>
    </row>
    <row r="724" spans="1:10" ht="30" customHeight="1" x14ac:dyDescent="0.45">
      <c r="A724" s="6"/>
      <c r="B724" s="6"/>
      <c r="C724" s="6"/>
      <c r="D724" s="6"/>
      <c r="E724" s="7"/>
      <c r="F724" s="5"/>
      <c r="G724" s="9"/>
      <c r="H724" s="9"/>
      <c r="I724" s="9"/>
      <c r="J724" s="9"/>
    </row>
    <row r="725" spans="1:10" ht="30" customHeight="1" x14ac:dyDescent="0.45">
      <c r="A725" s="6"/>
      <c r="B725" s="6"/>
      <c r="C725" s="6"/>
      <c r="D725" s="6"/>
      <c r="E725" s="7"/>
      <c r="F725" s="5"/>
      <c r="G725" s="9"/>
      <c r="H725" s="9"/>
      <c r="I725" s="9"/>
      <c r="J725" s="9"/>
    </row>
    <row r="726" spans="1:10" ht="30" customHeight="1" x14ac:dyDescent="0.45">
      <c r="A726" s="6"/>
      <c r="B726" s="6"/>
      <c r="C726" s="6"/>
      <c r="D726" s="6"/>
      <c r="E726" s="7"/>
      <c r="F726" s="5"/>
      <c r="G726" s="9"/>
      <c r="H726" s="9"/>
      <c r="I726" s="9"/>
      <c r="J726" s="9"/>
    </row>
    <row r="727" spans="1:10" ht="30" customHeight="1" x14ac:dyDescent="0.45">
      <c r="A727" s="6"/>
      <c r="B727" s="6"/>
      <c r="C727" s="6"/>
      <c r="D727" s="6"/>
      <c r="E727" s="7"/>
      <c r="F727" s="5"/>
      <c r="G727" s="9"/>
      <c r="H727" s="9"/>
      <c r="I727" s="9"/>
      <c r="J727" s="9"/>
    </row>
    <row r="728" spans="1:10" ht="30" customHeight="1" x14ac:dyDescent="0.45">
      <c r="A728" s="6"/>
      <c r="B728" s="6"/>
      <c r="C728" s="6"/>
      <c r="D728" s="6"/>
      <c r="E728" s="7"/>
      <c r="F728" s="5"/>
      <c r="G728" s="9"/>
      <c r="H728" s="9"/>
      <c r="I728" s="9"/>
      <c r="J728" s="9"/>
    </row>
    <row r="729" spans="1:10" ht="30" customHeight="1" x14ac:dyDescent="0.45">
      <c r="A729" s="6"/>
      <c r="B729" s="6"/>
      <c r="C729" s="6"/>
      <c r="D729" s="6"/>
      <c r="E729" s="7"/>
      <c r="F729" s="5"/>
      <c r="G729" s="9"/>
      <c r="H729" s="9"/>
      <c r="I729" s="9"/>
      <c r="J729" s="9"/>
    </row>
    <row r="730" spans="1:10" ht="30" customHeight="1" x14ac:dyDescent="0.45">
      <c r="A730" s="6"/>
      <c r="B730" s="6"/>
      <c r="C730" s="6"/>
      <c r="D730" s="6"/>
      <c r="E730" s="7"/>
      <c r="F730" s="5"/>
      <c r="G730" s="9"/>
      <c r="H730" s="9"/>
      <c r="I730" s="9"/>
      <c r="J730" s="9"/>
    </row>
    <row r="731" spans="1:10" ht="30" customHeight="1" x14ac:dyDescent="0.45">
      <c r="A731" s="6"/>
      <c r="B731" s="6"/>
      <c r="C731" s="6"/>
      <c r="D731" s="6"/>
      <c r="E731" s="7"/>
      <c r="F731" s="5"/>
      <c r="G731" s="9"/>
      <c r="H731" s="9"/>
      <c r="I731" s="9"/>
      <c r="J731" s="9"/>
    </row>
    <row r="732" spans="1:10" ht="30" customHeight="1" x14ac:dyDescent="0.45">
      <c r="A732" s="6"/>
      <c r="B732" s="6"/>
      <c r="C732" s="6"/>
      <c r="D732" s="6"/>
      <c r="E732" s="7"/>
      <c r="F732" s="5"/>
      <c r="G732" s="9"/>
      <c r="H732" s="9"/>
      <c r="I732" s="9"/>
      <c r="J732" s="9"/>
    </row>
    <row r="733" spans="1:10" ht="30" customHeight="1" x14ac:dyDescent="0.45">
      <c r="A733" s="6"/>
      <c r="B733" s="6"/>
      <c r="C733" s="6"/>
      <c r="D733" s="6"/>
      <c r="E733" s="7"/>
      <c r="F733" s="5"/>
      <c r="G733" s="9"/>
      <c r="H733" s="9"/>
      <c r="I733" s="9"/>
      <c r="J733" s="9"/>
    </row>
    <row r="734" spans="1:10" ht="30" customHeight="1" x14ac:dyDescent="0.45">
      <c r="A734" s="6"/>
      <c r="B734" s="6"/>
      <c r="C734" s="6"/>
      <c r="D734" s="6"/>
      <c r="E734" s="7"/>
      <c r="F734" s="5"/>
      <c r="G734" s="9"/>
      <c r="H734" s="9"/>
      <c r="I734" s="9"/>
      <c r="J734" s="9"/>
    </row>
    <row r="735" spans="1:10" ht="30" customHeight="1" x14ac:dyDescent="0.45">
      <c r="A735" s="6"/>
      <c r="B735" s="6"/>
      <c r="C735" s="6"/>
      <c r="D735" s="6"/>
      <c r="E735" s="7"/>
      <c r="F735" s="5"/>
      <c r="G735" s="9"/>
      <c r="H735" s="9"/>
      <c r="I735" s="9"/>
      <c r="J735" s="9"/>
    </row>
    <row r="736" spans="1:10" ht="30" customHeight="1" x14ac:dyDescent="0.45">
      <c r="A736" s="6"/>
      <c r="B736" s="6"/>
      <c r="C736" s="6"/>
      <c r="D736" s="6"/>
      <c r="E736" s="7"/>
      <c r="F736" s="5"/>
      <c r="G736" s="9"/>
      <c r="H736" s="9"/>
      <c r="I736" s="9"/>
      <c r="J736" s="9"/>
    </row>
    <row r="737" spans="1:10" ht="30" customHeight="1" x14ac:dyDescent="0.45">
      <c r="A737" s="6"/>
      <c r="B737" s="6"/>
      <c r="C737" s="6"/>
      <c r="D737" s="6"/>
      <c r="E737" s="7"/>
      <c r="F737" s="5"/>
      <c r="G737" s="9"/>
      <c r="H737" s="9"/>
      <c r="I737" s="9"/>
      <c r="J737" s="9"/>
    </row>
    <row r="738" spans="1:10" ht="30" customHeight="1" x14ac:dyDescent="0.45">
      <c r="A738" s="6"/>
      <c r="B738" s="6"/>
      <c r="C738" s="6"/>
      <c r="D738" s="6"/>
      <c r="E738" s="7"/>
      <c r="F738" s="5"/>
      <c r="G738" s="9"/>
      <c r="H738" s="9"/>
      <c r="I738" s="9"/>
      <c r="J738" s="9"/>
    </row>
    <row r="739" spans="1:10" ht="30" customHeight="1" x14ac:dyDescent="0.45">
      <c r="A739" s="6"/>
      <c r="B739" s="6"/>
      <c r="C739" s="6"/>
      <c r="D739" s="6"/>
      <c r="E739" s="7"/>
      <c r="F739" s="5"/>
      <c r="G739" s="9"/>
      <c r="H739" s="9"/>
      <c r="I739" s="9"/>
      <c r="J739" s="9"/>
    </row>
    <row r="740" spans="1:10" ht="30" customHeight="1" x14ac:dyDescent="0.45">
      <c r="A740" s="6"/>
      <c r="B740" s="6"/>
      <c r="C740" s="6"/>
      <c r="D740" s="6"/>
      <c r="E740" s="7"/>
      <c r="F740" s="5"/>
      <c r="G740" s="9"/>
      <c r="H740" s="9"/>
      <c r="I740" s="9"/>
      <c r="J740" s="9"/>
    </row>
    <row r="741" spans="1:10" ht="30" customHeight="1" x14ac:dyDescent="0.45">
      <c r="A741" s="6"/>
      <c r="B741" s="6"/>
      <c r="C741" s="6"/>
      <c r="D741" s="6"/>
      <c r="E741" s="7"/>
      <c r="F741" s="5"/>
      <c r="G741" s="9"/>
      <c r="H741" s="9"/>
      <c r="I741" s="9"/>
      <c r="J741" s="9"/>
    </row>
    <row r="742" spans="1:10" ht="30" customHeight="1" x14ac:dyDescent="0.45">
      <c r="A742" s="6"/>
      <c r="B742" s="6"/>
      <c r="C742" s="6"/>
      <c r="D742" s="6"/>
      <c r="E742" s="7"/>
      <c r="F742" s="5"/>
      <c r="G742" s="9"/>
      <c r="H742" s="9"/>
      <c r="I742" s="9"/>
      <c r="J742" s="9"/>
    </row>
    <row r="743" spans="1:10" ht="30" customHeight="1" x14ac:dyDescent="0.45">
      <c r="A743" s="6"/>
      <c r="B743" s="6"/>
      <c r="C743" s="6"/>
      <c r="D743" s="6"/>
      <c r="E743" s="7"/>
      <c r="F743" s="5"/>
      <c r="G743" s="9"/>
      <c r="H743" s="9"/>
      <c r="I743" s="9"/>
      <c r="J743" s="9"/>
    </row>
    <row r="744" spans="1:10" ht="30" customHeight="1" x14ac:dyDescent="0.45">
      <c r="A744" s="6"/>
      <c r="B744" s="6"/>
      <c r="C744" s="6"/>
      <c r="D744" s="6"/>
      <c r="E744" s="7"/>
      <c r="F744" s="5"/>
      <c r="G744" s="9"/>
      <c r="H744" s="9"/>
      <c r="I744" s="9"/>
      <c r="J744" s="9"/>
    </row>
    <row r="745" spans="1:10" ht="30" customHeight="1" x14ac:dyDescent="0.45">
      <c r="A745" s="6"/>
      <c r="B745" s="6"/>
      <c r="C745" s="6"/>
      <c r="D745" s="6"/>
      <c r="E745" s="7"/>
      <c r="F745" s="5"/>
      <c r="G745" s="9"/>
      <c r="H745" s="9"/>
      <c r="I745" s="9"/>
      <c r="J745" s="9"/>
    </row>
    <row r="746" spans="1:10" ht="30" customHeight="1" x14ac:dyDescent="0.45">
      <c r="A746" s="6"/>
      <c r="B746" s="6"/>
      <c r="C746" s="6"/>
      <c r="D746" s="6"/>
      <c r="E746" s="7"/>
      <c r="F746" s="5"/>
      <c r="G746" s="9"/>
      <c r="H746" s="9"/>
      <c r="I746" s="9"/>
      <c r="J746" s="9"/>
    </row>
    <row r="747" spans="1:10" ht="30" customHeight="1" x14ac:dyDescent="0.45">
      <c r="A747" s="6"/>
      <c r="B747" s="6"/>
      <c r="C747" s="6"/>
      <c r="D747" s="6"/>
      <c r="E747" s="7"/>
      <c r="F747" s="5"/>
      <c r="G747" s="9"/>
      <c r="H747" s="9"/>
      <c r="I747" s="9"/>
      <c r="J747" s="9"/>
    </row>
    <row r="748" spans="1:10" ht="30" customHeight="1" x14ac:dyDescent="0.45">
      <c r="A748" s="6"/>
      <c r="B748" s="6"/>
      <c r="C748" s="6"/>
      <c r="D748" s="6"/>
      <c r="E748" s="7"/>
      <c r="F748" s="5"/>
      <c r="G748" s="9"/>
      <c r="H748" s="9"/>
      <c r="I748" s="9"/>
      <c r="J748" s="9"/>
    </row>
    <row r="749" spans="1:10" ht="30" customHeight="1" x14ac:dyDescent="0.45">
      <c r="A749" s="6"/>
      <c r="B749" s="6"/>
      <c r="C749" s="6"/>
      <c r="D749" s="6"/>
      <c r="E749" s="7"/>
      <c r="F749" s="5"/>
      <c r="G749" s="9"/>
      <c r="H749" s="9"/>
      <c r="I749" s="9"/>
      <c r="J749" s="9"/>
    </row>
    <row r="750" spans="1:10" ht="30" customHeight="1" x14ac:dyDescent="0.45">
      <c r="A750" s="6"/>
      <c r="B750" s="6"/>
      <c r="C750" s="6"/>
      <c r="D750" s="6"/>
      <c r="E750" s="7"/>
      <c r="F750" s="5"/>
      <c r="G750" s="9"/>
      <c r="H750" s="9"/>
      <c r="I750" s="9"/>
      <c r="J750" s="9"/>
    </row>
    <row r="751" spans="1:10" ht="30" customHeight="1" x14ac:dyDescent="0.45">
      <c r="A751" s="6"/>
      <c r="B751" s="6"/>
      <c r="C751" s="6"/>
      <c r="D751" s="6"/>
      <c r="E751" s="7"/>
      <c r="F751" s="5"/>
      <c r="G751" s="9"/>
      <c r="H751" s="9"/>
      <c r="I751" s="9"/>
      <c r="J751" s="9"/>
    </row>
    <row r="752" spans="1:10" ht="30" customHeight="1" x14ac:dyDescent="0.45">
      <c r="A752" s="6"/>
      <c r="B752" s="6"/>
      <c r="C752" s="6"/>
      <c r="D752" s="6"/>
      <c r="E752" s="7"/>
      <c r="F752" s="5"/>
      <c r="G752" s="9"/>
      <c r="H752" s="9"/>
      <c r="I752" s="9"/>
      <c r="J752" s="9"/>
    </row>
    <row r="753" spans="1:10" ht="30" customHeight="1" x14ac:dyDescent="0.45">
      <c r="A753" s="6"/>
      <c r="B753" s="6"/>
      <c r="C753" s="6"/>
      <c r="D753" s="6"/>
      <c r="E753" s="7"/>
      <c r="F753" s="5"/>
      <c r="G753" s="9"/>
      <c r="H753" s="9"/>
      <c r="I753" s="9"/>
      <c r="J753" s="9"/>
    </row>
    <row r="754" spans="1:10" ht="30" customHeight="1" x14ac:dyDescent="0.45">
      <c r="A754" s="6"/>
      <c r="B754" s="6"/>
      <c r="C754" s="6"/>
      <c r="D754" s="6"/>
      <c r="E754" s="7"/>
      <c r="F754" s="5"/>
      <c r="G754" s="9"/>
      <c r="H754" s="9"/>
      <c r="I754" s="9"/>
      <c r="J754" s="9"/>
    </row>
    <row r="755" spans="1:10" ht="30" customHeight="1" x14ac:dyDescent="0.45">
      <c r="A755" s="6"/>
      <c r="B755" s="6"/>
      <c r="C755" s="6"/>
      <c r="D755" s="6"/>
      <c r="E755" s="7"/>
      <c r="F755" s="5"/>
      <c r="G755" s="9"/>
      <c r="H755" s="9"/>
      <c r="I755" s="9"/>
      <c r="J755" s="9"/>
    </row>
    <row r="756" spans="1:10" ht="30" customHeight="1" x14ac:dyDescent="0.45">
      <c r="A756" s="6"/>
      <c r="B756" s="6"/>
      <c r="C756" s="6"/>
      <c r="D756" s="6"/>
      <c r="E756" s="7"/>
      <c r="F756" s="5"/>
      <c r="G756" s="9"/>
      <c r="H756" s="9"/>
      <c r="I756" s="9"/>
      <c r="J756" s="9"/>
    </row>
    <row r="757" spans="1:10" ht="30" customHeight="1" x14ac:dyDescent="0.45">
      <c r="A757" s="6"/>
      <c r="B757" s="6"/>
      <c r="C757" s="6"/>
      <c r="D757" s="6"/>
      <c r="E757" s="7"/>
      <c r="F757" s="5"/>
      <c r="G757" s="9"/>
      <c r="H757" s="9"/>
      <c r="I757" s="9"/>
      <c r="J757" s="9"/>
    </row>
    <row r="758" spans="1:10" ht="30" customHeight="1" x14ac:dyDescent="0.45">
      <c r="A758" s="6"/>
      <c r="B758" s="6"/>
      <c r="C758" s="6"/>
      <c r="D758" s="6"/>
      <c r="E758" s="7"/>
      <c r="F758" s="5"/>
      <c r="G758" s="9"/>
      <c r="H758" s="9"/>
      <c r="I758" s="9"/>
      <c r="J758" s="9"/>
    </row>
    <row r="759" spans="1:10" ht="30" customHeight="1" x14ac:dyDescent="0.45">
      <c r="A759" s="6"/>
      <c r="B759" s="6"/>
      <c r="C759" s="6"/>
      <c r="D759" s="6"/>
      <c r="E759" s="7"/>
      <c r="F759" s="5"/>
      <c r="G759" s="9"/>
      <c r="H759" s="9"/>
      <c r="I759" s="9"/>
      <c r="J759" s="9"/>
    </row>
    <row r="760" spans="1:10" ht="30" customHeight="1" x14ac:dyDescent="0.45">
      <c r="A760" s="6"/>
      <c r="B760" s="6"/>
      <c r="C760" s="6"/>
      <c r="D760" s="6"/>
      <c r="E760" s="7"/>
      <c r="F760" s="5"/>
      <c r="G760" s="9"/>
      <c r="H760" s="9"/>
      <c r="I760" s="9"/>
      <c r="J760" s="9"/>
    </row>
    <row r="761" spans="1:10" ht="30" customHeight="1" x14ac:dyDescent="0.45">
      <c r="A761" s="6"/>
      <c r="B761" s="6"/>
      <c r="C761" s="6"/>
      <c r="D761" s="6"/>
      <c r="E761" s="7"/>
      <c r="F761" s="5"/>
      <c r="G761" s="9"/>
      <c r="H761" s="9"/>
      <c r="I761" s="9"/>
      <c r="J761" s="9"/>
    </row>
    <row r="762" spans="1:10" ht="30" customHeight="1" x14ac:dyDescent="0.45">
      <c r="A762" s="6"/>
      <c r="B762" s="6"/>
      <c r="C762" s="6"/>
      <c r="D762" s="6"/>
      <c r="E762" s="7"/>
      <c r="F762" s="5"/>
      <c r="G762" s="9"/>
      <c r="H762" s="9"/>
      <c r="I762" s="9"/>
      <c r="J762" s="9"/>
    </row>
    <row r="763" spans="1:10" ht="30" customHeight="1" x14ac:dyDescent="0.45">
      <c r="A763" s="6"/>
      <c r="B763" s="6"/>
      <c r="C763" s="6"/>
      <c r="D763" s="6"/>
      <c r="E763" s="7"/>
      <c r="F763" s="5"/>
      <c r="G763" s="9"/>
      <c r="H763" s="9"/>
      <c r="I763" s="9"/>
      <c r="J763" s="9"/>
    </row>
    <row r="764" spans="1:10" ht="30" customHeight="1" x14ac:dyDescent="0.45">
      <c r="A764" s="6"/>
      <c r="B764" s="6"/>
      <c r="C764" s="6"/>
      <c r="D764" s="6"/>
      <c r="E764" s="7"/>
      <c r="F764" s="5"/>
      <c r="G764" s="9"/>
      <c r="H764" s="9"/>
      <c r="I764" s="9"/>
      <c r="J764" s="9"/>
    </row>
    <row r="765" spans="1:10" ht="30" customHeight="1" x14ac:dyDescent="0.45">
      <c r="A765" s="6"/>
      <c r="B765" s="6"/>
      <c r="C765" s="6"/>
      <c r="D765" s="6"/>
      <c r="E765" s="7"/>
      <c r="F765" s="5"/>
      <c r="G765" s="9"/>
      <c r="H765" s="9"/>
      <c r="I765" s="9"/>
      <c r="J765" s="9"/>
    </row>
    <row r="766" spans="1:10" ht="30" customHeight="1" x14ac:dyDescent="0.45">
      <c r="A766" s="6"/>
      <c r="B766" s="6"/>
      <c r="C766" s="6"/>
      <c r="D766" s="6"/>
      <c r="E766" s="7"/>
      <c r="F766" s="5"/>
      <c r="G766" s="9"/>
      <c r="H766" s="9"/>
      <c r="I766" s="9"/>
      <c r="J766" s="9"/>
    </row>
    <row r="767" spans="1:10" ht="30" customHeight="1" x14ac:dyDescent="0.45">
      <c r="A767" s="6"/>
      <c r="B767" s="6"/>
      <c r="C767" s="6"/>
      <c r="D767" s="6"/>
      <c r="E767" s="7"/>
      <c r="F767" s="5"/>
      <c r="G767" s="9"/>
      <c r="H767" s="9"/>
      <c r="I767" s="9"/>
      <c r="J767" s="9"/>
    </row>
    <row r="768" spans="1:10" ht="30" customHeight="1" x14ac:dyDescent="0.45">
      <c r="A768" s="6"/>
      <c r="B768" s="6"/>
      <c r="C768" s="6"/>
      <c r="D768" s="6"/>
      <c r="E768" s="7"/>
      <c r="F768" s="5"/>
      <c r="G768" s="9"/>
      <c r="H768" s="9"/>
      <c r="I768" s="9"/>
      <c r="J768" s="9"/>
    </row>
    <row r="769" spans="1:10" ht="30" customHeight="1" x14ac:dyDescent="0.45">
      <c r="A769" s="6"/>
      <c r="B769" s="6"/>
      <c r="C769" s="6"/>
      <c r="D769" s="6"/>
      <c r="E769" s="7"/>
      <c r="F769" s="5"/>
      <c r="G769" s="9"/>
      <c r="H769" s="9"/>
      <c r="I769" s="9"/>
      <c r="J769" s="9"/>
    </row>
    <row r="770" spans="1:10" ht="30" customHeight="1" x14ac:dyDescent="0.45">
      <c r="A770" s="6"/>
      <c r="B770" s="6"/>
      <c r="C770" s="6"/>
      <c r="D770" s="6"/>
      <c r="E770" s="7"/>
      <c r="F770" s="5"/>
      <c r="G770" s="9"/>
      <c r="H770" s="9"/>
      <c r="I770" s="9"/>
      <c r="J770" s="9"/>
    </row>
    <row r="771" spans="1:10" ht="30" customHeight="1" x14ac:dyDescent="0.45">
      <c r="A771" s="6"/>
      <c r="B771" s="6"/>
      <c r="C771" s="6"/>
      <c r="D771" s="6"/>
      <c r="E771" s="7"/>
      <c r="F771" s="5"/>
      <c r="G771" s="9"/>
      <c r="H771" s="9"/>
      <c r="I771" s="9"/>
      <c r="J771" s="9"/>
    </row>
    <row r="772" spans="1:10" ht="30" customHeight="1" x14ac:dyDescent="0.45">
      <c r="A772" s="6"/>
      <c r="B772" s="6"/>
      <c r="C772" s="6"/>
      <c r="D772" s="6"/>
      <c r="E772" s="7"/>
      <c r="F772" s="5"/>
      <c r="G772" s="9"/>
      <c r="H772" s="9"/>
      <c r="I772" s="9"/>
      <c r="J772" s="9"/>
    </row>
    <row r="773" spans="1:10" ht="30" customHeight="1" x14ac:dyDescent="0.45">
      <c r="A773" s="6"/>
      <c r="B773" s="6"/>
      <c r="C773" s="6"/>
      <c r="D773" s="6"/>
      <c r="E773" s="7"/>
      <c r="F773" s="5"/>
      <c r="G773" s="9"/>
      <c r="H773" s="9"/>
      <c r="I773" s="9"/>
      <c r="J773" s="9"/>
    </row>
    <row r="774" spans="1:10" ht="30" customHeight="1" x14ac:dyDescent="0.45">
      <c r="A774" s="6"/>
      <c r="B774" s="6"/>
      <c r="C774" s="6"/>
      <c r="D774" s="6"/>
      <c r="E774" s="7"/>
      <c r="F774" s="5"/>
      <c r="G774" s="9"/>
      <c r="H774" s="9"/>
      <c r="I774" s="9"/>
      <c r="J774" s="9"/>
    </row>
    <row r="775" spans="1:10" ht="30" customHeight="1" x14ac:dyDescent="0.45">
      <c r="A775" s="6"/>
      <c r="B775" s="6"/>
      <c r="C775" s="6"/>
      <c r="D775" s="6"/>
      <c r="E775" s="7"/>
      <c r="F775" s="5"/>
      <c r="G775" s="9"/>
      <c r="H775" s="9"/>
      <c r="I775" s="9"/>
      <c r="J775" s="9"/>
    </row>
    <row r="776" spans="1:10" ht="30" customHeight="1" x14ac:dyDescent="0.45">
      <c r="A776" s="6"/>
      <c r="B776" s="6"/>
      <c r="C776" s="6"/>
      <c r="D776" s="6"/>
      <c r="E776" s="7"/>
      <c r="F776" s="5"/>
      <c r="G776" s="9"/>
      <c r="H776" s="9"/>
      <c r="I776" s="9"/>
      <c r="J776" s="9"/>
    </row>
    <row r="777" spans="1:10" ht="30" customHeight="1" x14ac:dyDescent="0.45">
      <c r="A777" s="6"/>
      <c r="B777" s="6"/>
      <c r="C777" s="6"/>
      <c r="D777" s="6"/>
      <c r="E777" s="7"/>
      <c r="F777" s="5"/>
      <c r="G777" s="9"/>
      <c r="H777" s="9"/>
      <c r="I777" s="9"/>
      <c r="J777" s="9"/>
    </row>
    <row r="778" spans="1:10" ht="30" customHeight="1" x14ac:dyDescent="0.45">
      <c r="A778" s="6"/>
      <c r="B778" s="6"/>
      <c r="C778" s="6"/>
      <c r="D778" s="6"/>
      <c r="E778" s="7"/>
      <c r="F778" s="5"/>
      <c r="G778" s="9"/>
      <c r="H778" s="9"/>
      <c r="I778" s="9"/>
      <c r="J778" s="9"/>
    </row>
    <row r="779" spans="1:10" ht="30" customHeight="1" x14ac:dyDescent="0.45">
      <c r="A779" s="6"/>
      <c r="B779" s="6"/>
      <c r="C779" s="6"/>
      <c r="D779" s="6"/>
      <c r="E779" s="7"/>
      <c r="F779" s="5"/>
      <c r="G779" s="9"/>
      <c r="H779" s="9"/>
      <c r="I779" s="9"/>
      <c r="J779" s="9"/>
    </row>
    <row r="780" spans="1:10" ht="30" customHeight="1" x14ac:dyDescent="0.45">
      <c r="A780" s="6"/>
      <c r="B780" s="6"/>
      <c r="C780" s="6"/>
      <c r="D780" s="6"/>
      <c r="E780" s="7"/>
      <c r="F780" s="5"/>
      <c r="G780" s="9"/>
      <c r="H780" s="9"/>
      <c r="I780" s="9"/>
      <c r="J780" s="9"/>
    </row>
    <row r="781" spans="1:10" ht="30" customHeight="1" x14ac:dyDescent="0.45">
      <c r="A781" s="6"/>
      <c r="B781" s="6"/>
      <c r="C781" s="6"/>
      <c r="D781" s="6"/>
      <c r="E781" s="7"/>
      <c r="F781" s="5"/>
      <c r="G781" s="9"/>
      <c r="H781" s="9"/>
      <c r="I781" s="9"/>
      <c r="J781" s="9"/>
    </row>
    <row r="782" spans="1:10" ht="30" customHeight="1" x14ac:dyDescent="0.45">
      <c r="A782" s="6"/>
      <c r="B782" s="6"/>
      <c r="C782" s="6"/>
      <c r="D782" s="6"/>
      <c r="E782" s="7"/>
      <c r="F782" s="5"/>
      <c r="G782" s="9"/>
      <c r="H782" s="9"/>
      <c r="I782" s="9"/>
      <c r="J782" s="9"/>
    </row>
    <row r="783" spans="1:10" ht="30" customHeight="1" x14ac:dyDescent="0.45">
      <c r="A783" s="6"/>
      <c r="B783" s="6"/>
      <c r="C783" s="6"/>
      <c r="D783" s="6"/>
      <c r="E783" s="7"/>
      <c r="F783" s="5"/>
      <c r="G783" s="9"/>
      <c r="H783" s="9"/>
      <c r="I783" s="9"/>
      <c r="J783" s="9"/>
    </row>
    <row r="784" spans="1:10" ht="30" customHeight="1" x14ac:dyDescent="0.45">
      <c r="A784" s="6"/>
      <c r="B784" s="6"/>
      <c r="C784" s="6"/>
      <c r="D784" s="6"/>
      <c r="E784" s="7"/>
      <c r="F784" s="5"/>
      <c r="G784" s="9"/>
      <c r="H784" s="9"/>
      <c r="I784" s="9"/>
      <c r="J784" s="9"/>
    </row>
    <row r="785" spans="1:10" ht="30" customHeight="1" x14ac:dyDescent="0.45">
      <c r="A785" s="6"/>
      <c r="B785" s="6"/>
      <c r="C785" s="6"/>
      <c r="D785" s="6"/>
      <c r="E785" s="7"/>
      <c r="F785" s="5"/>
      <c r="G785" s="9"/>
      <c r="H785" s="9"/>
      <c r="I785" s="9"/>
      <c r="J785" s="9"/>
    </row>
    <row r="786" spans="1:10" ht="30" customHeight="1" x14ac:dyDescent="0.45">
      <c r="A786" s="6"/>
      <c r="B786" s="6"/>
      <c r="C786" s="6"/>
      <c r="D786" s="6"/>
      <c r="E786" s="7"/>
      <c r="F786" s="5"/>
      <c r="G786" s="9"/>
      <c r="H786" s="9"/>
      <c r="I786" s="9"/>
      <c r="J786" s="9"/>
    </row>
    <row r="787" spans="1:10" ht="30" customHeight="1" x14ac:dyDescent="0.45">
      <c r="A787" s="6"/>
      <c r="B787" s="6"/>
      <c r="C787" s="6"/>
      <c r="D787" s="6"/>
      <c r="E787" s="7"/>
      <c r="F787" s="5"/>
      <c r="G787" s="9"/>
      <c r="H787" s="9"/>
      <c r="I787" s="9"/>
      <c r="J787" s="9"/>
    </row>
    <row r="788" spans="1:10" ht="30" customHeight="1" x14ac:dyDescent="0.45">
      <c r="A788" s="6"/>
      <c r="B788" s="6"/>
      <c r="C788" s="6"/>
      <c r="D788" s="6"/>
      <c r="E788" s="7"/>
      <c r="F788" s="5"/>
      <c r="G788" s="9"/>
      <c r="H788" s="9"/>
      <c r="I788" s="9"/>
      <c r="J788" s="9"/>
    </row>
    <row r="789" spans="1:10" ht="30" customHeight="1" x14ac:dyDescent="0.45">
      <c r="A789" s="6"/>
      <c r="B789" s="6"/>
      <c r="C789" s="6"/>
      <c r="D789" s="6"/>
      <c r="E789" s="7"/>
      <c r="F789" s="5"/>
      <c r="G789" s="9"/>
      <c r="H789" s="9"/>
      <c r="I789" s="9"/>
      <c r="J789" s="9"/>
    </row>
    <row r="790" spans="1:10" ht="30" customHeight="1" x14ac:dyDescent="0.45">
      <c r="A790" s="6"/>
      <c r="B790" s="6"/>
      <c r="C790" s="6"/>
      <c r="D790" s="6"/>
      <c r="E790" s="7"/>
      <c r="F790" s="5"/>
      <c r="G790" s="9"/>
      <c r="H790" s="9"/>
      <c r="I790" s="9"/>
      <c r="J790" s="9"/>
    </row>
    <row r="791" spans="1:10" ht="30" customHeight="1" x14ac:dyDescent="0.45">
      <c r="A791" s="6"/>
      <c r="B791" s="6"/>
      <c r="C791" s="6"/>
      <c r="D791" s="6"/>
      <c r="E791" s="7"/>
      <c r="F791" s="5"/>
      <c r="G791" s="9"/>
      <c r="H791" s="9"/>
      <c r="I791" s="9"/>
      <c r="J791" s="9"/>
    </row>
    <row r="792" spans="1:10" ht="30" customHeight="1" x14ac:dyDescent="0.45">
      <c r="A792" s="6"/>
      <c r="B792" s="6"/>
      <c r="C792" s="6"/>
      <c r="D792" s="6"/>
      <c r="E792" s="7"/>
      <c r="F792" s="5"/>
      <c r="G792" s="9"/>
      <c r="H792" s="9"/>
      <c r="I792" s="9"/>
      <c r="J792" s="9"/>
    </row>
    <row r="793" spans="1:10" ht="30" customHeight="1" x14ac:dyDescent="0.45">
      <c r="A793" s="6"/>
      <c r="B793" s="6"/>
      <c r="C793" s="6"/>
      <c r="D793" s="6"/>
      <c r="E793" s="7"/>
      <c r="F793" s="5"/>
      <c r="G793" s="9"/>
      <c r="H793" s="9"/>
      <c r="I793" s="9"/>
      <c r="J793" s="9"/>
    </row>
    <row r="794" spans="1:10" ht="30" customHeight="1" x14ac:dyDescent="0.45">
      <c r="A794" s="6"/>
      <c r="B794" s="6"/>
      <c r="C794" s="6"/>
      <c r="D794" s="6"/>
      <c r="E794" s="7"/>
      <c r="F794" s="5"/>
      <c r="G794" s="9"/>
      <c r="H794" s="9"/>
      <c r="I794" s="9"/>
      <c r="J794" s="9"/>
    </row>
    <row r="795" spans="1:10" ht="30" customHeight="1" x14ac:dyDescent="0.45">
      <c r="A795" s="6"/>
      <c r="B795" s="6"/>
      <c r="C795" s="6"/>
      <c r="D795" s="6"/>
      <c r="E795" s="7"/>
      <c r="F795" s="5"/>
      <c r="G795" s="9"/>
      <c r="H795" s="9"/>
      <c r="I795" s="9"/>
      <c r="J795" s="9"/>
    </row>
    <row r="796" spans="1:10" ht="30" customHeight="1" x14ac:dyDescent="0.45">
      <c r="A796" s="6"/>
      <c r="B796" s="6"/>
      <c r="C796" s="6"/>
      <c r="D796" s="6"/>
      <c r="E796" s="7"/>
      <c r="F796" s="5"/>
      <c r="G796" s="9"/>
      <c r="H796" s="9"/>
      <c r="I796" s="9"/>
      <c r="J796" s="9"/>
    </row>
    <row r="797" spans="1:10" ht="30" customHeight="1" x14ac:dyDescent="0.45">
      <c r="A797" s="6"/>
      <c r="B797" s="6"/>
      <c r="C797" s="6"/>
      <c r="D797" s="6"/>
      <c r="E797" s="7"/>
      <c r="F797" s="5"/>
      <c r="G797" s="9"/>
      <c r="H797" s="9"/>
      <c r="I797" s="9"/>
      <c r="J797" s="9"/>
    </row>
    <row r="798" spans="1:10" ht="30" customHeight="1" x14ac:dyDescent="0.45">
      <c r="A798" s="6"/>
      <c r="B798" s="6"/>
      <c r="C798" s="6"/>
      <c r="D798" s="6"/>
      <c r="E798" s="7"/>
      <c r="F798" s="5"/>
      <c r="G798" s="9"/>
      <c r="H798" s="9"/>
      <c r="I798" s="9"/>
      <c r="J798" s="9"/>
    </row>
    <row r="799" spans="1:10" ht="30" customHeight="1" x14ac:dyDescent="0.45">
      <c r="A799" s="6"/>
      <c r="B799" s="6"/>
      <c r="C799" s="6"/>
      <c r="D799" s="6"/>
      <c r="E799" s="7"/>
      <c r="F799" s="5"/>
      <c r="G799" s="9"/>
      <c r="H799" s="9"/>
      <c r="I799" s="9"/>
      <c r="J799" s="9"/>
    </row>
    <row r="800" spans="1:10" ht="30" customHeight="1" x14ac:dyDescent="0.45">
      <c r="A800" s="6"/>
      <c r="B800" s="6"/>
      <c r="C800" s="6"/>
      <c r="D800" s="6"/>
      <c r="E800" s="7"/>
      <c r="F800" s="5"/>
      <c r="G800" s="9"/>
      <c r="H800" s="9"/>
      <c r="I800" s="9"/>
      <c r="J800" s="9"/>
    </row>
    <row r="801" spans="1:10" ht="30" customHeight="1" x14ac:dyDescent="0.45">
      <c r="A801" s="6"/>
      <c r="B801" s="6"/>
      <c r="C801" s="6"/>
      <c r="D801" s="6"/>
      <c r="E801" s="7"/>
      <c r="F801" s="5"/>
      <c r="G801" s="9"/>
      <c r="H801" s="9"/>
      <c r="I801" s="9"/>
      <c r="J801" s="9"/>
    </row>
    <row r="802" spans="1:10" ht="30" customHeight="1" x14ac:dyDescent="0.45">
      <c r="A802" s="6"/>
      <c r="B802" s="6"/>
      <c r="C802" s="6"/>
      <c r="D802" s="6"/>
      <c r="E802" s="7"/>
      <c r="F802" s="5"/>
      <c r="G802" s="9"/>
      <c r="H802" s="9"/>
      <c r="I802" s="9"/>
      <c r="J802" s="9"/>
    </row>
    <row r="803" spans="1:10" ht="30" customHeight="1" x14ac:dyDescent="0.45">
      <c r="A803" s="6"/>
      <c r="B803" s="6"/>
      <c r="C803" s="6"/>
      <c r="D803" s="6"/>
      <c r="E803" s="7"/>
      <c r="F803" s="5"/>
      <c r="G803" s="9"/>
      <c r="H803" s="9"/>
      <c r="I803" s="9"/>
      <c r="J803" s="9"/>
    </row>
    <row r="804" spans="1:10" ht="30" customHeight="1" x14ac:dyDescent="0.45">
      <c r="A804" s="6"/>
      <c r="B804" s="6"/>
      <c r="C804" s="6"/>
      <c r="D804" s="6"/>
      <c r="E804" s="7"/>
      <c r="F804" s="5"/>
      <c r="G804" s="9"/>
      <c r="H804" s="9"/>
      <c r="I804" s="9"/>
      <c r="J804" s="9"/>
    </row>
    <row r="805" spans="1:10" ht="30" customHeight="1" x14ac:dyDescent="0.45">
      <c r="A805" s="6"/>
      <c r="B805" s="6"/>
      <c r="C805" s="6"/>
      <c r="D805" s="6"/>
      <c r="E805" s="7"/>
      <c r="F805" s="5"/>
      <c r="G805" s="9"/>
      <c r="H805" s="9"/>
      <c r="I805" s="9"/>
      <c r="J805" s="9"/>
    </row>
    <row r="806" spans="1:10" ht="30" customHeight="1" x14ac:dyDescent="0.45">
      <c r="A806" s="6"/>
      <c r="B806" s="6"/>
      <c r="C806" s="6"/>
      <c r="D806" s="6"/>
      <c r="E806" s="7"/>
      <c r="F806" s="5"/>
      <c r="G806" s="9"/>
      <c r="H806" s="9"/>
      <c r="I806" s="9"/>
      <c r="J806" s="9"/>
    </row>
    <row r="807" spans="1:10" ht="30" customHeight="1" x14ac:dyDescent="0.45">
      <c r="A807" s="6"/>
      <c r="B807" s="6"/>
      <c r="C807" s="6"/>
      <c r="D807" s="6"/>
      <c r="E807" s="7"/>
      <c r="F807" s="5"/>
      <c r="G807" s="9"/>
      <c r="H807" s="9"/>
      <c r="I807" s="9"/>
      <c r="J807" s="9"/>
    </row>
    <row r="808" spans="1:10" ht="30" customHeight="1" x14ac:dyDescent="0.45">
      <c r="A808" s="6"/>
      <c r="B808" s="6"/>
      <c r="C808" s="6"/>
      <c r="D808" s="6"/>
      <c r="E808" s="7"/>
      <c r="F808" s="5"/>
      <c r="G808" s="9"/>
      <c r="H808" s="9"/>
      <c r="I808" s="9"/>
      <c r="J808" s="9"/>
    </row>
    <row r="809" spans="1:10" ht="30" customHeight="1" x14ac:dyDescent="0.45">
      <c r="A809" s="6"/>
      <c r="B809" s="6"/>
      <c r="C809" s="6"/>
      <c r="D809" s="6"/>
      <c r="E809" s="7"/>
      <c r="F809" s="5"/>
      <c r="G809" s="9"/>
      <c r="H809" s="9"/>
      <c r="I809" s="9"/>
      <c r="J809" s="9"/>
    </row>
    <row r="810" spans="1:10" ht="30" customHeight="1" x14ac:dyDescent="0.45">
      <c r="A810" s="6"/>
      <c r="B810" s="6"/>
      <c r="C810" s="6"/>
      <c r="D810" s="6"/>
      <c r="E810" s="7"/>
      <c r="F810" s="5"/>
      <c r="G810" s="9"/>
      <c r="H810" s="9"/>
      <c r="I810" s="9"/>
      <c r="J810" s="9"/>
    </row>
    <row r="811" spans="1:10" ht="30" customHeight="1" x14ac:dyDescent="0.45">
      <c r="A811" s="6"/>
      <c r="B811" s="6"/>
      <c r="C811" s="6"/>
      <c r="D811" s="6"/>
      <c r="E811" s="7"/>
      <c r="F811" s="5"/>
      <c r="G811" s="9"/>
      <c r="H811" s="9"/>
      <c r="I811" s="9"/>
      <c r="J811" s="9"/>
    </row>
    <row r="812" spans="1:10" ht="30" customHeight="1" x14ac:dyDescent="0.45">
      <c r="A812" s="6"/>
      <c r="B812" s="6"/>
      <c r="C812" s="6"/>
      <c r="D812" s="6"/>
      <c r="E812" s="7"/>
      <c r="F812" s="5"/>
      <c r="G812" s="9"/>
      <c r="H812" s="9"/>
      <c r="I812" s="9"/>
      <c r="J812" s="9"/>
    </row>
    <row r="813" spans="1:10" ht="30" customHeight="1" x14ac:dyDescent="0.45">
      <c r="A813" s="6"/>
      <c r="B813" s="6"/>
      <c r="C813" s="6"/>
      <c r="D813" s="6"/>
      <c r="E813" s="7"/>
      <c r="F813" s="5"/>
      <c r="G813" s="9"/>
      <c r="H813" s="9"/>
      <c r="I813" s="9"/>
      <c r="J813" s="9"/>
    </row>
    <row r="814" spans="1:10" ht="30" customHeight="1" x14ac:dyDescent="0.45">
      <c r="A814" s="6"/>
      <c r="B814" s="6"/>
      <c r="C814" s="6"/>
      <c r="D814" s="6"/>
      <c r="E814" s="7"/>
      <c r="F814" s="5"/>
      <c r="G814" s="9"/>
      <c r="H814" s="9"/>
      <c r="I814" s="9"/>
      <c r="J814" s="9"/>
    </row>
    <row r="815" spans="1:10" ht="30" customHeight="1" x14ac:dyDescent="0.45">
      <c r="A815" s="6"/>
      <c r="B815" s="6"/>
      <c r="C815" s="6"/>
      <c r="D815" s="6"/>
      <c r="E815" s="7"/>
      <c r="F815" s="5"/>
      <c r="G815" s="9"/>
      <c r="H815" s="9"/>
      <c r="I815" s="9"/>
      <c r="J815" s="9"/>
    </row>
    <row r="816" spans="1:10" ht="30" customHeight="1" x14ac:dyDescent="0.45">
      <c r="A816" s="6"/>
      <c r="B816" s="6"/>
      <c r="C816" s="6"/>
      <c r="D816" s="6"/>
      <c r="E816" s="7"/>
      <c r="F816" s="5"/>
      <c r="G816" s="9"/>
      <c r="H816" s="9"/>
      <c r="I816" s="9"/>
      <c r="J816" s="9"/>
    </row>
    <row r="817" spans="1:10" ht="30" customHeight="1" x14ac:dyDescent="0.45">
      <c r="A817" s="6"/>
      <c r="B817" s="6"/>
      <c r="C817" s="6"/>
      <c r="D817" s="6"/>
      <c r="E817" s="7"/>
      <c r="F817" s="5"/>
      <c r="G817" s="9"/>
      <c r="H817" s="9"/>
      <c r="I817" s="9"/>
      <c r="J817" s="9"/>
    </row>
    <row r="818" spans="1:10" ht="30" customHeight="1" x14ac:dyDescent="0.45">
      <c r="A818" s="6"/>
      <c r="B818" s="6"/>
      <c r="C818" s="6"/>
      <c r="D818" s="6"/>
      <c r="E818" s="7"/>
      <c r="F818" s="5"/>
      <c r="G818" s="9"/>
      <c r="H818" s="9"/>
      <c r="I818" s="9"/>
      <c r="J818" s="9"/>
    </row>
    <row r="819" spans="1:10" ht="30" customHeight="1" x14ac:dyDescent="0.45">
      <c r="A819" s="6"/>
      <c r="B819" s="6"/>
      <c r="C819" s="6"/>
      <c r="D819" s="6"/>
      <c r="E819" s="7"/>
      <c r="F819" s="5"/>
      <c r="G819" s="9"/>
      <c r="H819" s="9"/>
      <c r="I819" s="9"/>
      <c r="J819" s="9"/>
    </row>
    <row r="820" spans="1:10" ht="30" customHeight="1" x14ac:dyDescent="0.45">
      <c r="A820" s="6"/>
      <c r="B820" s="6"/>
      <c r="C820" s="6"/>
      <c r="D820" s="6"/>
      <c r="E820" s="7"/>
      <c r="F820" s="5"/>
      <c r="G820" s="9"/>
      <c r="H820" s="9"/>
      <c r="I820" s="9"/>
      <c r="J820" s="9"/>
    </row>
    <row r="821" spans="1:10" ht="30" customHeight="1" x14ac:dyDescent="0.45">
      <c r="A821" s="6"/>
      <c r="B821" s="6"/>
      <c r="C821" s="6"/>
      <c r="D821" s="6"/>
      <c r="E821" s="7"/>
      <c r="F821" s="5"/>
      <c r="G821" s="9"/>
      <c r="H821" s="9"/>
      <c r="I821" s="9"/>
      <c r="J821" s="9"/>
    </row>
    <row r="822" spans="1:10" ht="30" customHeight="1" x14ac:dyDescent="0.45">
      <c r="A822" s="6"/>
      <c r="B822" s="6"/>
      <c r="C822" s="6"/>
      <c r="D822" s="6"/>
      <c r="E822" s="7"/>
      <c r="F822" s="5"/>
      <c r="G822" s="9"/>
      <c r="H822" s="9"/>
      <c r="I822" s="9"/>
      <c r="J822" s="9"/>
    </row>
    <row r="823" spans="1:10" ht="30" customHeight="1" x14ac:dyDescent="0.45">
      <c r="A823" s="6"/>
      <c r="B823" s="6"/>
      <c r="C823" s="6"/>
      <c r="D823" s="6"/>
      <c r="E823" s="7"/>
      <c r="F823" s="5"/>
      <c r="G823" s="9"/>
      <c r="H823" s="9"/>
      <c r="I823" s="9"/>
      <c r="J823" s="9"/>
    </row>
    <row r="824" spans="1:10" ht="30" customHeight="1" x14ac:dyDescent="0.45">
      <c r="A824" s="6"/>
      <c r="B824" s="6"/>
      <c r="C824" s="6"/>
      <c r="D824" s="6"/>
      <c r="E824" s="7"/>
      <c r="F824" s="5"/>
      <c r="G824" s="9"/>
      <c r="H824" s="9"/>
      <c r="I824" s="9"/>
      <c r="J824" s="9"/>
    </row>
    <row r="825" spans="1:10" ht="30" customHeight="1" x14ac:dyDescent="0.45">
      <c r="A825" s="6"/>
      <c r="B825" s="6"/>
      <c r="C825" s="6"/>
      <c r="D825" s="6"/>
      <c r="E825" s="7"/>
      <c r="F825" s="5"/>
      <c r="G825" s="9"/>
      <c r="H825" s="9"/>
      <c r="I825" s="9"/>
      <c r="J825" s="9"/>
    </row>
    <row r="826" spans="1:10" ht="30" customHeight="1" x14ac:dyDescent="0.45">
      <c r="A826" s="6"/>
      <c r="B826" s="6"/>
      <c r="C826" s="6"/>
      <c r="D826" s="6"/>
      <c r="E826" s="7"/>
      <c r="F826" s="5"/>
      <c r="G826" s="9"/>
      <c r="H826" s="9"/>
      <c r="I826" s="9"/>
      <c r="J826" s="9"/>
    </row>
    <row r="827" spans="1:10" ht="30" customHeight="1" x14ac:dyDescent="0.45">
      <c r="A827" s="6"/>
      <c r="B827" s="6"/>
      <c r="C827" s="6"/>
      <c r="D827" s="6"/>
      <c r="E827" s="7"/>
      <c r="F827" s="5"/>
      <c r="G827" s="9"/>
      <c r="H827" s="9"/>
      <c r="I827" s="9"/>
      <c r="J827" s="9"/>
    </row>
    <row r="828" spans="1:10" ht="30" customHeight="1" x14ac:dyDescent="0.45">
      <c r="A828" s="6"/>
      <c r="B828" s="6"/>
      <c r="C828" s="6"/>
      <c r="D828" s="6"/>
      <c r="E828" s="7"/>
      <c r="F828" s="5"/>
      <c r="G828" s="9"/>
      <c r="H828" s="9"/>
      <c r="I828" s="9"/>
      <c r="J828" s="9"/>
    </row>
    <row r="829" spans="1:10" ht="30" customHeight="1" x14ac:dyDescent="0.45">
      <c r="A829" s="6"/>
      <c r="B829" s="6"/>
      <c r="C829" s="6"/>
      <c r="D829" s="6"/>
      <c r="E829" s="7"/>
      <c r="F829" s="5"/>
      <c r="G829" s="9"/>
      <c r="H829" s="9"/>
      <c r="I829" s="9"/>
      <c r="J829" s="9"/>
    </row>
    <row r="830" spans="1:10" ht="30" customHeight="1" x14ac:dyDescent="0.45">
      <c r="A830" s="6"/>
      <c r="B830" s="6"/>
      <c r="C830" s="6"/>
      <c r="D830" s="6"/>
      <c r="E830" s="7"/>
      <c r="F830" s="5"/>
      <c r="G830" s="9"/>
      <c r="H830" s="9"/>
      <c r="I830" s="9"/>
      <c r="J830" s="9"/>
    </row>
    <row r="831" spans="1:10" ht="30" customHeight="1" x14ac:dyDescent="0.45">
      <c r="A831" s="6"/>
      <c r="B831" s="6"/>
      <c r="C831" s="6"/>
      <c r="D831" s="6"/>
      <c r="E831" s="7"/>
      <c r="F831" s="5"/>
      <c r="G831" s="9"/>
      <c r="H831" s="9"/>
      <c r="I831" s="9"/>
      <c r="J831" s="9"/>
    </row>
    <row r="832" spans="1:10" ht="30" customHeight="1" x14ac:dyDescent="0.45">
      <c r="A832" s="6"/>
      <c r="B832" s="6"/>
      <c r="C832" s="6"/>
      <c r="D832" s="6"/>
      <c r="E832" s="7"/>
      <c r="F832" s="5"/>
      <c r="G832" s="9"/>
      <c r="H832" s="9"/>
      <c r="I832" s="9"/>
      <c r="J832" s="9"/>
    </row>
    <row r="833" spans="1:10" ht="30" customHeight="1" x14ac:dyDescent="0.45">
      <c r="A833" s="6"/>
      <c r="B833" s="6"/>
      <c r="C833" s="6"/>
      <c r="D833" s="6"/>
      <c r="E833" s="7"/>
      <c r="F833" s="5"/>
      <c r="G833" s="9"/>
      <c r="H833" s="9"/>
      <c r="I833" s="9"/>
      <c r="J833" s="9"/>
    </row>
    <row r="834" spans="1:10" ht="30" customHeight="1" x14ac:dyDescent="0.45">
      <c r="A834" s="6"/>
      <c r="B834" s="6"/>
      <c r="C834" s="6"/>
      <c r="D834" s="6"/>
      <c r="E834" s="7"/>
      <c r="F834" s="5"/>
      <c r="G834" s="9"/>
      <c r="H834" s="9"/>
      <c r="I834" s="9"/>
      <c r="J834" s="9"/>
    </row>
    <row r="835" spans="1:10" ht="30" customHeight="1" x14ac:dyDescent="0.45">
      <c r="A835" s="6"/>
      <c r="B835" s="6"/>
      <c r="C835" s="6"/>
      <c r="D835" s="6"/>
      <c r="E835" s="7"/>
      <c r="F835" s="5"/>
      <c r="G835" s="9"/>
      <c r="H835" s="9"/>
      <c r="I835" s="9"/>
      <c r="J835" s="9"/>
    </row>
    <row r="836" spans="1:10" ht="30" customHeight="1" x14ac:dyDescent="0.45">
      <c r="A836" s="6"/>
      <c r="B836" s="6"/>
      <c r="C836" s="6"/>
      <c r="D836" s="6"/>
      <c r="E836" s="7"/>
      <c r="F836" s="5"/>
      <c r="G836" s="9"/>
      <c r="H836" s="9"/>
      <c r="I836" s="9"/>
      <c r="J836" s="9"/>
    </row>
    <row r="837" spans="1:10" ht="30" customHeight="1" x14ac:dyDescent="0.45">
      <c r="A837" s="6"/>
      <c r="B837" s="6"/>
      <c r="C837" s="6"/>
      <c r="D837" s="6"/>
      <c r="E837" s="7"/>
      <c r="F837" s="5"/>
      <c r="G837" s="9"/>
      <c r="H837" s="9"/>
      <c r="I837" s="9"/>
      <c r="J837" s="9"/>
    </row>
    <row r="838" spans="1:10" ht="30" customHeight="1" x14ac:dyDescent="0.45">
      <c r="A838" s="6"/>
      <c r="B838" s="6"/>
      <c r="C838" s="6"/>
      <c r="D838" s="6"/>
      <c r="E838" s="7"/>
      <c r="F838" s="5"/>
      <c r="G838" s="9"/>
      <c r="H838" s="9"/>
      <c r="I838" s="9"/>
      <c r="J838" s="9"/>
    </row>
    <row r="839" spans="1:10" ht="30" customHeight="1" x14ac:dyDescent="0.45">
      <c r="A839" s="6"/>
      <c r="B839" s="6"/>
      <c r="C839" s="6"/>
      <c r="D839" s="6"/>
      <c r="E839" s="7"/>
      <c r="F839" s="5"/>
      <c r="G839" s="9"/>
      <c r="H839" s="9"/>
      <c r="I839" s="9"/>
      <c r="J839" s="9"/>
    </row>
    <row r="840" spans="1:10" ht="30" customHeight="1" x14ac:dyDescent="0.45">
      <c r="A840" s="6"/>
      <c r="B840" s="6"/>
      <c r="C840" s="6"/>
      <c r="D840" s="6"/>
      <c r="E840" s="7"/>
      <c r="F840" s="5"/>
      <c r="G840" s="9"/>
      <c r="H840" s="9"/>
      <c r="I840" s="9"/>
      <c r="J840" s="9"/>
    </row>
    <row r="841" spans="1:10" ht="30" customHeight="1" x14ac:dyDescent="0.45">
      <c r="A841" s="6"/>
      <c r="B841" s="6"/>
      <c r="C841" s="6"/>
      <c r="D841" s="6"/>
      <c r="E841" s="7"/>
      <c r="F841" s="5"/>
      <c r="G841" s="9"/>
      <c r="H841" s="9"/>
      <c r="I841" s="9"/>
      <c r="J841" s="9"/>
    </row>
    <row r="842" spans="1:10" ht="30" customHeight="1" x14ac:dyDescent="0.45">
      <c r="A842" s="6"/>
      <c r="B842" s="6"/>
      <c r="C842" s="6"/>
      <c r="D842" s="6"/>
      <c r="E842" s="7"/>
      <c r="F842" s="5"/>
      <c r="G842" s="9"/>
      <c r="H842" s="9"/>
      <c r="I842" s="9"/>
      <c r="J842" s="9"/>
    </row>
    <row r="843" spans="1:10" ht="30" customHeight="1" x14ac:dyDescent="0.45">
      <c r="A843" s="6"/>
      <c r="B843" s="6"/>
      <c r="C843" s="6"/>
      <c r="D843" s="6"/>
      <c r="E843" s="7"/>
      <c r="F843" s="5"/>
      <c r="G843" s="9"/>
      <c r="H843" s="9"/>
      <c r="I843" s="9"/>
      <c r="J843" s="9"/>
    </row>
    <row r="844" spans="1:10" ht="30" customHeight="1" x14ac:dyDescent="0.45">
      <c r="A844" s="6"/>
      <c r="B844" s="6"/>
      <c r="C844" s="6"/>
      <c r="D844" s="6"/>
      <c r="E844" s="7"/>
      <c r="F844" s="5"/>
      <c r="G844" s="9"/>
      <c r="H844" s="9"/>
      <c r="I844" s="9"/>
      <c r="J844" s="9"/>
    </row>
  </sheetData>
  <autoFilter ref="A3:J449" xr:uid="{00000000-0009-0000-0000-000000000000}"/>
  <sortState xmlns:xlrd2="http://schemas.microsoft.com/office/spreadsheetml/2017/richdata2" ref="A4:J448">
    <sortCondition ref="A4:A448"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448" customList="政策局,総務局,くらし安全防災局,文化スポーツ観光局,環境農政局,福祉子どもみらい局,健康医療局,産業労働局,県土整備局,会計局,地域県政総合センター"/>
    <sortCondition ref="H4:H448"/>
    <sortCondition ref="J4:J448"/>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67" fitToHeight="0" orientation="landscape" r:id="rId1"/>
  <headerFooter>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ファイル簿索引簿</vt:lpstr>
      <vt:lpstr>ファイル簿索引簿!Print_Area</vt:lpstr>
      <vt:lpstr>ファイル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5-07-23T00:19:33Z</cp:lastPrinted>
  <dcterms:created xsi:type="dcterms:W3CDTF">2023-03-24T10:04:44Z</dcterms:created>
  <dcterms:modified xsi:type="dcterms:W3CDTF">2025-12-10T07:51:24Z</dcterms:modified>
</cp:coreProperties>
</file>